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9400\common\R8衆議（仮）\17_期日前投票等中間集計\第１回（７日前）\03_HP掲載\"/>
    </mc:Choice>
  </mc:AlternateContent>
  <xr:revisionPtr revIDLastSave="0" documentId="13_ncr:1_{340C611C-F0AB-4DE6-8794-6A45F225BDF9}" xr6:coauthVersionLast="47" xr6:coauthVersionMax="47" xr10:uidLastSave="{00000000-0000-0000-0000-000000000000}"/>
  <bookViews>
    <workbookView xWindow="3870" yWindow="-14310" windowWidth="18960" windowHeight="11460" xr2:uid="{00000000-000D-0000-FFFF-FFFF00000000}"/>
  </bookViews>
  <sheets>
    <sheet name="Sheet1" sheetId="1" r:id="rId1"/>
  </sheets>
  <definedNames>
    <definedName name="_xlnm.Print_Area" localSheetId="0">Sheet1!$A$1:$G$110</definedName>
    <definedName name="_xlnm.Print_Titles" localSheetId="0">Sheet1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4" uniqueCount="94">
  <si>
    <t>市区町村名</t>
    <rPh sb="0" eb="2">
      <t>シク</t>
    </rPh>
    <rPh sb="2" eb="4">
      <t>チョウソン</t>
    </rPh>
    <rPh sb="4" eb="5">
      <t>メイ</t>
    </rPh>
    <phoneticPr fontId="5"/>
  </si>
  <si>
    <t>前回衆議(B)</t>
    <rPh sb="2" eb="4">
      <t>シュウギ</t>
    </rPh>
    <phoneticPr fontId="5"/>
  </si>
  <si>
    <t>増減(A-B)</t>
    <rPh sb="0" eb="2">
      <t>ゾウゲン</t>
    </rPh>
    <phoneticPr fontId="5"/>
  </si>
  <si>
    <t>比較(A/B)</t>
    <rPh sb="0" eb="2">
      <t>ヒカク</t>
    </rPh>
    <phoneticPr fontId="5"/>
  </si>
  <si>
    <t>第１区</t>
  </si>
  <si>
    <t>横浜市中区</t>
    <rPh sb="0" eb="3">
      <t>ヨコハマシ</t>
    </rPh>
    <phoneticPr fontId="5"/>
  </si>
  <si>
    <t>横浜市磯子区</t>
    <phoneticPr fontId="5"/>
  </si>
  <si>
    <t>横浜市金沢区</t>
    <phoneticPr fontId="5"/>
  </si>
  <si>
    <t>第２区</t>
  </si>
  <si>
    <t>横浜市西区</t>
    <phoneticPr fontId="5"/>
  </si>
  <si>
    <t>横浜市南区</t>
    <phoneticPr fontId="5"/>
  </si>
  <si>
    <t>横浜市港南区</t>
    <phoneticPr fontId="5"/>
  </si>
  <si>
    <t>第３区</t>
    <phoneticPr fontId="5"/>
  </si>
  <si>
    <t>横浜市鶴見区</t>
    <phoneticPr fontId="5"/>
  </si>
  <si>
    <t>横浜市神奈川区</t>
    <phoneticPr fontId="5"/>
  </si>
  <si>
    <t>第４区</t>
    <phoneticPr fontId="5"/>
  </si>
  <si>
    <t>横浜市栄区</t>
    <phoneticPr fontId="5"/>
  </si>
  <si>
    <t>鎌倉市</t>
    <rPh sb="0" eb="3">
      <t>カマクラシ</t>
    </rPh>
    <phoneticPr fontId="5"/>
  </si>
  <si>
    <t>逗子市</t>
    <rPh sb="0" eb="3">
      <t>ズシシ</t>
    </rPh>
    <phoneticPr fontId="5"/>
  </si>
  <si>
    <t>三浦郡葉山町</t>
    <phoneticPr fontId="5"/>
  </si>
  <si>
    <t>第５区</t>
    <phoneticPr fontId="5"/>
  </si>
  <si>
    <t>横浜市戸塚区</t>
    <phoneticPr fontId="5"/>
  </si>
  <si>
    <t>横浜市泉区</t>
    <phoneticPr fontId="5"/>
  </si>
  <si>
    <t>第６区</t>
    <phoneticPr fontId="5"/>
  </si>
  <si>
    <t>横浜市保土ケ谷区</t>
    <phoneticPr fontId="5"/>
  </si>
  <si>
    <t>横浜市旭区</t>
    <phoneticPr fontId="5"/>
  </si>
  <si>
    <t>第７区</t>
    <phoneticPr fontId="5"/>
  </si>
  <si>
    <t>横浜市港北区</t>
    <phoneticPr fontId="5"/>
  </si>
  <si>
    <t>第８区</t>
    <phoneticPr fontId="5"/>
  </si>
  <si>
    <t>横浜市緑区</t>
    <phoneticPr fontId="5"/>
  </si>
  <si>
    <t>横浜市青葉区</t>
    <phoneticPr fontId="5"/>
  </si>
  <si>
    <t>第９区</t>
    <phoneticPr fontId="5"/>
  </si>
  <si>
    <t>川崎市多摩区</t>
    <rPh sb="0" eb="3">
      <t>カワサキシ</t>
    </rPh>
    <phoneticPr fontId="5"/>
  </si>
  <si>
    <t>川崎市麻生区</t>
    <rPh sb="0" eb="3">
      <t>カワサキシ</t>
    </rPh>
    <phoneticPr fontId="5"/>
  </si>
  <si>
    <t>第１０区</t>
    <phoneticPr fontId="5"/>
  </si>
  <si>
    <t>川崎市川崎区</t>
    <rPh sb="0" eb="3">
      <t>カワサキシ</t>
    </rPh>
    <phoneticPr fontId="5"/>
  </si>
  <si>
    <t>川崎市幸区</t>
    <phoneticPr fontId="5"/>
  </si>
  <si>
    <t>第１１区</t>
    <phoneticPr fontId="5"/>
  </si>
  <si>
    <t>横須賀市</t>
    <rPh sb="0" eb="4">
      <t>ヨコスカシ</t>
    </rPh>
    <phoneticPr fontId="5"/>
  </si>
  <si>
    <t>三浦市</t>
    <rPh sb="0" eb="3">
      <t>ミウラシ</t>
    </rPh>
    <phoneticPr fontId="5"/>
  </si>
  <si>
    <t>第１２区</t>
    <phoneticPr fontId="5"/>
  </si>
  <si>
    <t>藤沢市</t>
    <rPh sb="0" eb="3">
      <t>フジサワシ</t>
    </rPh>
    <phoneticPr fontId="5"/>
  </si>
  <si>
    <t>高座郡寒川町</t>
    <phoneticPr fontId="5"/>
  </si>
  <si>
    <t>第１３区</t>
    <phoneticPr fontId="5"/>
  </si>
  <si>
    <t>大和市</t>
  </si>
  <si>
    <t>綾瀬市</t>
  </si>
  <si>
    <t>第１４区</t>
    <phoneticPr fontId="5"/>
  </si>
  <si>
    <t>　</t>
    <phoneticPr fontId="5"/>
  </si>
  <si>
    <t>相模原市中央区</t>
    <rPh sb="0" eb="4">
      <t>サガミハラシ</t>
    </rPh>
    <rPh sb="4" eb="7">
      <t>チュウオウク</t>
    </rPh>
    <phoneticPr fontId="5"/>
  </si>
  <si>
    <t>第１５区</t>
    <phoneticPr fontId="5"/>
  </si>
  <si>
    <t>平塚市</t>
  </si>
  <si>
    <t>茅ヶ崎市</t>
  </si>
  <si>
    <t>第１６区</t>
    <phoneticPr fontId="5"/>
  </si>
  <si>
    <t>厚木市</t>
  </si>
  <si>
    <t>伊勢原市</t>
  </si>
  <si>
    <t>第１７区</t>
    <phoneticPr fontId="5"/>
  </si>
  <si>
    <t>小田原市</t>
  </si>
  <si>
    <t>秦野市</t>
  </si>
  <si>
    <t>南足柄市</t>
  </si>
  <si>
    <t>足柄上郡</t>
  </si>
  <si>
    <t>中井町</t>
  </si>
  <si>
    <t>大井町</t>
  </si>
  <si>
    <t>松田町</t>
  </si>
  <si>
    <t>山北町</t>
  </si>
  <si>
    <t>開成町</t>
  </si>
  <si>
    <t>足柄下郡</t>
  </si>
  <si>
    <t>箱根町</t>
  </si>
  <si>
    <t>真鶴町</t>
  </si>
  <si>
    <t>湯河原町</t>
  </si>
  <si>
    <t>第１８区</t>
    <phoneticPr fontId="5"/>
  </si>
  <si>
    <t>川崎市高津区</t>
    <phoneticPr fontId="5"/>
  </si>
  <si>
    <t>県　　計</t>
    <phoneticPr fontId="5"/>
  </si>
  <si>
    <t>（注）</t>
  </si>
  <si>
    <t>１　比較（Ａ／Ｂ）の数値は、小数点以下第３位を四捨五入したもの。</t>
    <phoneticPr fontId="5"/>
  </si>
  <si>
    <t>横浜市瀬谷区</t>
    <rPh sb="0" eb="3">
      <t>ヨコハマシ</t>
    </rPh>
    <rPh sb="3" eb="6">
      <t>セヤク</t>
    </rPh>
    <phoneticPr fontId="2"/>
  </si>
  <si>
    <t>相模原市緑区</t>
    <rPh sb="0" eb="4">
      <t>サガミハラシ</t>
    </rPh>
    <rPh sb="4" eb="6">
      <t>ミドリク</t>
    </rPh>
    <phoneticPr fontId="5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愛甲郡</t>
    <rPh sb="0" eb="2">
      <t>アイコウ</t>
    </rPh>
    <phoneticPr fontId="2"/>
  </si>
  <si>
    <t>中郡大磯町</t>
    <rPh sb="0" eb="2">
      <t>ナカグン</t>
    </rPh>
    <phoneticPr fontId="2"/>
  </si>
  <si>
    <t>海老名市</t>
    <rPh sb="0" eb="4">
      <t>エビナシ</t>
    </rPh>
    <phoneticPr fontId="5"/>
  </si>
  <si>
    <t>中郡二宮町</t>
    <rPh sb="0" eb="2">
      <t>ナカグン</t>
    </rPh>
    <rPh sb="2" eb="5">
      <t>ニノミヤマチ</t>
    </rPh>
    <phoneticPr fontId="2"/>
  </si>
  <si>
    <t>川崎市中原区</t>
    <rPh sb="0" eb="3">
      <t>カワサキシ</t>
    </rPh>
    <phoneticPr fontId="5"/>
  </si>
  <si>
    <t>第１９区</t>
    <phoneticPr fontId="5"/>
  </si>
  <si>
    <t>横浜市都筑区</t>
    <rPh sb="0" eb="2">
      <t>ヨコハマ</t>
    </rPh>
    <rPh sb="2" eb="3">
      <t>シ</t>
    </rPh>
    <rPh sb="3" eb="5">
      <t>ツヅキ</t>
    </rPh>
    <rPh sb="5" eb="6">
      <t>ク</t>
    </rPh>
    <phoneticPr fontId="5"/>
  </si>
  <si>
    <t>川崎市宮前区</t>
    <rPh sb="3" eb="5">
      <t>ミヤマエ</t>
    </rPh>
    <phoneticPr fontId="5"/>
  </si>
  <si>
    <t>第２０区</t>
    <phoneticPr fontId="5"/>
  </si>
  <si>
    <t>相模原市南区</t>
    <rPh sb="0" eb="3">
      <t>サガミハラ</t>
    </rPh>
    <rPh sb="3" eb="4">
      <t>シ</t>
    </rPh>
    <rPh sb="4" eb="5">
      <t>ミナミ</t>
    </rPh>
    <rPh sb="5" eb="6">
      <t>ク</t>
    </rPh>
    <phoneticPr fontId="5"/>
  </si>
  <si>
    <t>座間市</t>
    <rPh sb="0" eb="3">
      <t>ザマシ</t>
    </rPh>
    <phoneticPr fontId="5"/>
  </si>
  <si>
    <t>第51回衆議院議員総選挙（小選挙区）における期日前投票の状況</t>
    <rPh sb="0" eb="1">
      <t>ダイ</t>
    </rPh>
    <rPh sb="3" eb="4">
      <t>カイ</t>
    </rPh>
    <rPh sb="4" eb="7">
      <t>シュウギイン</t>
    </rPh>
    <rPh sb="7" eb="9">
      <t>ギイン</t>
    </rPh>
    <rPh sb="9" eb="12">
      <t>ソウセンキョ</t>
    </rPh>
    <rPh sb="13" eb="17">
      <t>ショウセンキョク</t>
    </rPh>
    <rPh sb="22" eb="25">
      <t>キジツゼン</t>
    </rPh>
    <rPh sb="25" eb="27">
      <t>トウヒョウ</t>
    </rPh>
    <rPh sb="28" eb="30">
      <t>ジョウキョウ</t>
    </rPh>
    <phoneticPr fontId="5"/>
  </si>
  <si>
    <t>（令和８年２月１日投票終了時現在）</t>
    <rPh sb="1" eb="3">
      <t>レイワ</t>
    </rPh>
    <rPh sb="4" eb="5">
      <t>ネン</t>
    </rPh>
    <rPh sb="6" eb="7">
      <t>ガツ</t>
    </rPh>
    <rPh sb="8" eb="9">
      <t>ニチ</t>
    </rPh>
    <rPh sb="9" eb="11">
      <t>トウヒョウ</t>
    </rPh>
    <rPh sb="11" eb="14">
      <t>シュウリョウジ</t>
    </rPh>
    <rPh sb="14" eb="16">
      <t>ゲンザイ</t>
    </rPh>
    <phoneticPr fontId="5"/>
  </si>
  <si>
    <t>２　数値には在外選挙人の日本国内における投票数を含む。</t>
    <phoneticPr fontId="5"/>
  </si>
  <si>
    <t>３　前回衆議（B）（令和６年執行）の最終期日前投票者数 1,360,667人、当日投票者数等も含めた全体の投票率54.53%。</t>
    <rPh sb="10" eb="12">
      <t>レイワ</t>
    </rPh>
    <rPh sb="13" eb="14">
      <t>ネン</t>
    </rPh>
    <phoneticPr fontId="2"/>
  </si>
  <si>
    <t>投票者数(A)</t>
    <rPh sb="0" eb="3">
      <t>トウヒョウシャ</t>
    </rPh>
    <rPh sb="3" eb="4">
      <t>ス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ＭＳ 明朝"/>
      <family val="1"/>
      <charset val="128"/>
    </font>
    <font>
      <sz val="12"/>
      <name val="ＭＳ ゴシック"/>
      <family val="3"/>
      <charset val="128"/>
    </font>
    <font>
      <sz val="6"/>
      <name val="ＭＳ Ｐ明朝"/>
      <family val="1"/>
      <charset val="128"/>
    </font>
    <font>
      <sz val="11"/>
      <name val="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9"/>
      <name val="明朝"/>
      <family val="1"/>
      <charset val="128"/>
    </font>
    <font>
      <sz val="1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09">
    <xf numFmtId="0" fontId="0" fillId="0" borderId="0" xfId="0">
      <alignment vertical="center"/>
    </xf>
    <xf numFmtId="38" fontId="6" fillId="0" borderId="20" xfId="1" quotePrefix="1" applyFont="1" applyFill="1" applyBorder="1" applyAlignment="1" applyProtection="1">
      <alignment vertical="center"/>
      <protection locked="0"/>
    </xf>
    <xf numFmtId="38" fontId="6" fillId="0" borderId="15" xfId="1" applyFont="1" applyFill="1" applyBorder="1" applyAlignment="1" applyProtection="1">
      <alignment vertical="center"/>
      <protection locked="0"/>
    </xf>
    <xf numFmtId="38" fontId="6" fillId="0" borderId="20" xfId="1" applyFont="1" applyFill="1" applyBorder="1" applyAlignment="1" applyProtection="1">
      <alignment vertical="center"/>
      <protection locked="0"/>
    </xf>
    <xf numFmtId="38" fontId="6" fillId="0" borderId="16" xfId="1" applyFont="1" applyFill="1" applyBorder="1" applyAlignment="1" applyProtection="1">
      <alignment vertical="center"/>
      <protection locked="0"/>
    </xf>
    <xf numFmtId="38" fontId="6" fillId="0" borderId="25" xfId="1" applyFont="1" applyFill="1" applyBorder="1" applyAlignment="1" applyProtection="1">
      <alignment vertical="center"/>
      <protection locked="0"/>
    </xf>
    <xf numFmtId="38" fontId="6" fillId="0" borderId="25" xfId="1" applyFont="1" applyFill="1" applyBorder="1" applyAlignment="1" applyProtection="1">
      <alignment horizontal="right" vertical="center"/>
      <protection locked="0"/>
    </xf>
    <xf numFmtId="38" fontId="6" fillId="0" borderId="15" xfId="1" quotePrefix="1" applyFont="1" applyFill="1" applyBorder="1" applyAlignment="1" applyProtection="1">
      <alignment horizontal="right" vertical="center"/>
      <protection locked="0"/>
    </xf>
    <xf numFmtId="38" fontId="6" fillId="0" borderId="39" xfId="1" quotePrefix="1" applyFont="1" applyFill="1" applyBorder="1" applyAlignment="1" applyProtection="1">
      <alignment vertical="center"/>
      <protection locked="0"/>
    </xf>
    <xf numFmtId="38" fontId="6" fillId="0" borderId="39" xfId="1" applyFont="1" applyFill="1" applyBorder="1" applyAlignment="1" applyProtection="1">
      <alignment vertical="center"/>
      <protection locked="0"/>
    </xf>
    <xf numFmtId="38" fontId="6" fillId="0" borderId="38" xfId="1" applyFont="1" applyFill="1" applyBorder="1" applyAlignment="1" applyProtection="1">
      <alignment vertical="center"/>
      <protection locked="0"/>
    </xf>
    <xf numFmtId="38" fontId="6" fillId="0" borderId="38" xfId="1" applyFont="1" applyFill="1" applyBorder="1" applyAlignment="1">
      <alignment vertical="center"/>
    </xf>
    <xf numFmtId="38" fontId="3" fillId="0" borderId="39" xfId="1" applyFont="1" applyFill="1" applyBorder="1" applyAlignment="1" applyProtection="1">
      <alignment vertical="center"/>
      <protection locked="0"/>
    </xf>
    <xf numFmtId="0" fontId="0" fillId="0" borderId="0" xfId="0" applyFill="1" applyAlignment="1">
      <alignment vertical="center"/>
    </xf>
    <xf numFmtId="38" fontId="1" fillId="0" borderId="0" xfId="1" applyFill="1" applyAlignment="1">
      <alignment vertical="center"/>
    </xf>
    <xf numFmtId="38" fontId="1" fillId="0" borderId="0" xfId="1" applyFill="1" applyAlignment="1">
      <alignment horizontal="distributed" vertical="center"/>
    </xf>
    <xf numFmtId="38" fontId="3" fillId="0" borderId="0" xfId="1" applyFont="1" applyFill="1" applyAlignment="1">
      <alignment horizontal="distributed" vertical="center"/>
    </xf>
    <xf numFmtId="38" fontId="6" fillId="0" borderId="0" xfId="1" applyFont="1" applyFill="1" applyBorder="1" applyAlignment="1">
      <alignment vertical="center"/>
    </xf>
    <xf numFmtId="3" fontId="6" fillId="0" borderId="0" xfId="1" applyNumberFormat="1" applyFont="1" applyFill="1" applyBorder="1" applyAlignment="1">
      <alignment vertical="center"/>
    </xf>
    <xf numFmtId="38" fontId="6" fillId="0" borderId="0" xfId="1" applyFont="1" applyFill="1" applyBorder="1" applyAlignment="1">
      <alignment horizontal="right" vertical="center"/>
    </xf>
    <xf numFmtId="38" fontId="0" fillId="0" borderId="0" xfId="1" applyFont="1" applyFill="1" applyAlignment="1">
      <alignment vertical="center"/>
    </xf>
    <xf numFmtId="38" fontId="6" fillId="0" borderId="1" xfId="1" applyFont="1" applyFill="1" applyBorder="1" applyAlignment="1">
      <alignment horizontal="center" vertical="center" shrinkToFit="1"/>
    </xf>
    <xf numFmtId="38" fontId="6" fillId="0" borderId="4" xfId="1" applyFont="1" applyFill="1" applyBorder="1" applyAlignment="1">
      <alignment horizontal="center" vertical="center" shrinkToFit="1"/>
    </xf>
    <xf numFmtId="3" fontId="6" fillId="0" borderId="4" xfId="1" applyNumberFormat="1" applyFont="1" applyFill="1" applyBorder="1" applyAlignment="1">
      <alignment horizontal="center" vertical="center" shrinkToFit="1"/>
    </xf>
    <xf numFmtId="38" fontId="6" fillId="0" borderId="5" xfId="1" applyFont="1" applyFill="1" applyBorder="1" applyAlignment="1">
      <alignment horizontal="center" vertical="center" shrinkToFit="1"/>
    </xf>
    <xf numFmtId="38" fontId="1" fillId="0" borderId="0" xfId="1" applyFill="1" applyAlignment="1">
      <alignment vertical="center" shrinkToFit="1"/>
    </xf>
    <xf numFmtId="38" fontId="1" fillId="0" borderId="6" xfId="1" applyFill="1" applyBorder="1" applyAlignment="1">
      <alignment horizontal="distributed" vertical="center" shrinkToFit="1"/>
    </xf>
    <xf numFmtId="38" fontId="1" fillId="0" borderId="7" xfId="1" applyFill="1" applyBorder="1" applyAlignment="1">
      <alignment horizontal="distributed" vertical="center" shrinkToFit="1"/>
    </xf>
    <xf numFmtId="38" fontId="1" fillId="0" borderId="8" xfId="1" applyFill="1" applyBorder="1" applyAlignment="1">
      <alignment horizontal="distributed" vertical="center" shrinkToFit="1"/>
    </xf>
    <xf numFmtId="38" fontId="6" fillId="0" borderId="6" xfId="1" applyFont="1" applyFill="1" applyBorder="1" applyAlignment="1">
      <alignment vertical="center" shrinkToFit="1"/>
    </xf>
    <xf numFmtId="38" fontId="6" fillId="0" borderId="10" xfId="1" applyFont="1" applyFill="1" applyBorder="1" applyAlignment="1">
      <alignment vertical="center" shrinkToFit="1"/>
    </xf>
    <xf numFmtId="3" fontId="6" fillId="0" borderId="9" xfId="1" applyNumberFormat="1" applyFont="1" applyFill="1" applyBorder="1" applyAlignment="1">
      <alignment vertical="center" shrinkToFit="1"/>
    </xf>
    <xf numFmtId="38" fontId="6" fillId="0" borderId="11" xfId="1" applyFont="1" applyFill="1" applyBorder="1" applyAlignment="1">
      <alignment vertical="center" shrinkToFit="1"/>
    </xf>
    <xf numFmtId="3" fontId="6" fillId="0" borderId="16" xfId="1" quotePrefix="1" applyNumberFormat="1" applyFont="1" applyFill="1" applyBorder="1" applyAlignment="1">
      <alignment vertical="center"/>
    </xf>
    <xf numFmtId="40" fontId="6" fillId="0" borderId="17" xfId="1" quotePrefix="1" applyNumberFormat="1" applyFont="1" applyFill="1" applyBorder="1" applyAlignment="1" applyProtection="1">
      <alignment vertical="center"/>
      <protection locked="0"/>
    </xf>
    <xf numFmtId="38" fontId="1" fillId="0" borderId="12" xfId="1" applyFill="1" applyBorder="1" applyAlignment="1">
      <alignment horizontal="distributed" vertical="center"/>
    </xf>
    <xf numFmtId="38" fontId="1" fillId="0" borderId="21" xfId="1" applyFill="1" applyBorder="1" applyAlignment="1">
      <alignment horizontal="distributed" vertical="center"/>
    </xf>
    <xf numFmtId="38" fontId="1" fillId="0" borderId="18" xfId="1" applyFill="1" applyBorder="1" applyAlignment="1">
      <alignment horizontal="distributed" vertical="center"/>
    </xf>
    <xf numFmtId="38" fontId="3" fillId="0" borderId="19" xfId="1" applyFont="1" applyFill="1" applyBorder="1" applyAlignment="1">
      <alignment horizontal="distributed" vertical="center"/>
    </xf>
    <xf numFmtId="38" fontId="6" fillId="0" borderId="40" xfId="1" quotePrefix="1" applyFont="1" applyFill="1" applyBorder="1" applyAlignment="1" applyProtection="1">
      <alignment vertical="center"/>
      <protection locked="0"/>
    </xf>
    <xf numFmtId="38" fontId="1" fillId="0" borderId="24" xfId="1" applyFill="1" applyBorder="1" applyAlignment="1">
      <alignment vertical="center"/>
    </xf>
    <xf numFmtId="38" fontId="3" fillId="0" borderId="19" xfId="1" quotePrefix="1" applyFont="1" applyFill="1" applyBorder="1" applyAlignment="1">
      <alignment horizontal="distributed" vertical="center"/>
    </xf>
    <xf numFmtId="38" fontId="6" fillId="0" borderId="40" xfId="1" applyFont="1" applyFill="1" applyBorder="1" applyAlignment="1" applyProtection="1">
      <alignment vertical="center"/>
      <protection locked="0"/>
    </xf>
    <xf numFmtId="38" fontId="3" fillId="0" borderId="18" xfId="1" applyFont="1" applyFill="1" applyBorder="1" applyAlignment="1">
      <alignment horizontal="distributed" vertical="center"/>
    </xf>
    <xf numFmtId="38" fontId="1" fillId="0" borderId="26" xfId="1" applyFill="1" applyBorder="1" applyAlignment="1">
      <alignment horizontal="distributed" vertical="center"/>
    </xf>
    <xf numFmtId="38" fontId="1" fillId="0" borderId="27" xfId="1" applyFill="1" applyBorder="1" applyAlignment="1">
      <alignment horizontal="distributed" vertical="center"/>
    </xf>
    <xf numFmtId="38" fontId="3" fillId="0" borderId="28" xfId="1" applyFont="1" applyFill="1" applyBorder="1" applyAlignment="1">
      <alignment horizontal="distributed" vertical="center"/>
    </xf>
    <xf numFmtId="38" fontId="6" fillId="0" borderId="41" xfId="1" applyFont="1" applyFill="1" applyBorder="1" applyAlignment="1" applyProtection="1">
      <alignment vertical="center"/>
      <protection locked="0"/>
    </xf>
    <xf numFmtId="38" fontId="1" fillId="0" borderId="29" xfId="1" applyFill="1" applyBorder="1" applyAlignment="1">
      <alignment vertical="center"/>
    </xf>
    <xf numFmtId="3" fontId="6" fillId="0" borderId="29" xfId="1" quotePrefix="1" applyNumberFormat="1" applyFont="1" applyFill="1" applyBorder="1" applyAlignment="1">
      <alignment vertical="center"/>
    </xf>
    <xf numFmtId="40" fontId="6" fillId="0" borderId="30" xfId="1" quotePrefix="1" applyNumberFormat="1" applyFont="1" applyFill="1" applyBorder="1" applyAlignment="1" applyProtection="1">
      <alignment vertical="center"/>
      <protection locked="0"/>
    </xf>
    <xf numFmtId="38" fontId="1" fillId="0" borderId="13" xfId="1" applyFill="1" applyBorder="1" applyAlignment="1">
      <alignment horizontal="distributed" vertical="center"/>
    </xf>
    <xf numFmtId="38" fontId="3" fillId="0" borderId="14" xfId="1" applyFont="1" applyFill="1" applyBorder="1" applyAlignment="1">
      <alignment horizontal="distributed" vertical="center"/>
    </xf>
    <xf numFmtId="38" fontId="1" fillId="0" borderId="25" xfId="1" applyFill="1" applyBorder="1" applyAlignment="1">
      <alignment vertical="center"/>
    </xf>
    <xf numFmtId="3" fontId="6" fillId="0" borderId="20" xfId="1" quotePrefix="1" applyNumberFormat="1" applyFont="1" applyFill="1" applyBorder="1" applyAlignment="1">
      <alignment vertical="center"/>
    </xf>
    <xf numFmtId="40" fontId="6" fillId="0" borderId="31" xfId="1" quotePrefix="1" applyNumberFormat="1" applyFont="1" applyFill="1" applyBorder="1" applyAlignment="1" applyProtection="1">
      <alignment vertical="center"/>
      <protection locked="0"/>
    </xf>
    <xf numFmtId="38" fontId="3" fillId="0" borderId="21" xfId="1" applyFont="1" applyFill="1" applyBorder="1" applyAlignment="1">
      <alignment horizontal="distributed" vertical="center"/>
    </xf>
    <xf numFmtId="38" fontId="6" fillId="0" borderId="16" xfId="1" applyFont="1" applyFill="1" applyBorder="1" applyAlignment="1">
      <alignment vertical="center"/>
    </xf>
    <xf numFmtId="38" fontId="3" fillId="0" borderId="18" xfId="1" applyFont="1" applyFill="1" applyBorder="1" applyAlignment="1">
      <alignment vertical="center" shrinkToFit="1"/>
    </xf>
    <xf numFmtId="38" fontId="3" fillId="0" borderId="18" xfId="1" applyFont="1" applyFill="1" applyBorder="1" applyAlignment="1">
      <alignment horizontal="distributed" vertical="center" shrinkToFit="1"/>
    </xf>
    <xf numFmtId="38" fontId="6" fillId="0" borderId="38" xfId="1" quotePrefix="1" applyFont="1" applyFill="1" applyBorder="1" applyAlignment="1" applyProtection="1">
      <alignment vertical="center"/>
      <protection locked="0"/>
    </xf>
    <xf numFmtId="38" fontId="0" fillId="0" borderId="18" xfId="1" applyFont="1" applyFill="1" applyBorder="1" applyAlignment="1">
      <alignment horizontal="distributed" vertical="center"/>
    </xf>
    <xf numFmtId="38" fontId="0" fillId="0" borderId="19" xfId="1" applyFont="1" applyFill="1" applyBorder="1" applyAlignment="1">
      <alignment horizontal="distributed" vertical="center"/>
    </xf>
    <xf numFmtId="38" fontId="1" fillId="0" borderId="32" xfId="1" applyFill="1" applyBorder="1" applyAlignment="1">
      <alignment horizontal="distributed" vertical="center"/>
    </xf>
    <xf numFmtId="38" fontId="1" fillId="0" borderId="33" xfId="1" applyFill="1" applyBorder="1" applyAlignment="1">
      <alignment horizontal="distributed" vertical="center"/>
    </xf>
    <xf numFmtId="38" fontId="3" fillId="0" borderId="34" xfId="1" applyFont="1" applyFill="1" applyBorder="1" applyAlignment="1">
      <alignment horizontal="distributed" vertical="center"/>
    </xf>
    <xf numFmtId="38" fontId="6" fillId="0" borderId="22" xfId="1" applyFont="1" applyFill="1" applyBorder="1" applyAlignment="1" applyProtection="1">
      <alignment vertical="center"/>
      <protection locked="0"/>
    </xf>
    <xf numFmtId="38" fontId="6" fillId="0" borderId="24" xfId="1" applyFont="1" applyFill="1" applyBorder="1" applyAlignment="1" applyProtection="1">
      <alignment vertical="center"/>
      <protection locked="0"/>
    </xf>
    <xf numFmtId="3" fontId="6" fillId="0" borderId="23" xfId="1" applyNumberFormat="1" applyFont="1" applyFill="1" applyBorder="1" applyAlignment="1" applyProtection="1">
      <alignment vertical="center"/>
      <protection locked="0"/>
    </xf>
    <xf numFmtId="40" fontId="6" fillId="0" borderId="35" xfId="1" quotePrefix="1" applyNumberFormat="1" applyFont="1" applyFill="1" applyBorder="1" applyAlignment="1" applyProtection="1">
      <alignment vertical="center"/>
      <protection locked="0"/>
    </xf>
    <xf numFmtId="38" fontId="6" fillId="0" borderId="36" xfId="1" quotePrefix="1" applyFont="1" applyFill="1" applyBorder="1" applyAlignment="1">
      <alignment vertical="center"/>
    </xf>
    <xf numFmtId="3" fontId="6" fillId="0" borderId="4" xfId="1" quotePrefix="1" applyNumberFormat="1" applyFont="1" applyFill="1" applyBorder="1" applyAlignment="1">
      <alignment vertical="center"/>
    </xf>
    <xf numFmtId="40" fontId="6" fillId="0" borderId="5" xfId="1" quotePrefix="1" applyNumberFormat="1" applyFont="1" applyFill="1" applyBorder="1" applyAlignment="1" applyProtection="1">
      <alignment vertical="center"/>
      <protection locked="0"/>
    </xf>
    <xf numFmtId="38" fontId="7" fillId="0" borderId="37" xfId="1" applyFont="1" applyFill="1" applyBorder="1" applyAlignment="1">
      <alignment vertical="center"/>
    </xf>
    <xf numFmtId="49" fontId="8" fillId="0" borderId="0" xfId="1" applyNumberFormat="1" applyFont="1" applyFill="1" applyAlignment="1">
      <alignment horizontal="left" vertical="center"/>
    </xf>
    <xf numFmtId="38" fontId="9" fillId="0" borderId="37" xfId="1" applyFont="1" applyFill="1" applyBorder="1" applyAlignment="1">
      <alignment vertical="center" wrapText="1"/>
    </xf>
    <xf numFmtId="38" fontId="7" fillId="0" borderId="0" xfId="1" applyFont="1" applyFill="1" applyAlignment="1">
      <alignment vertical="center"/>
    </xf>
    <xf numFmtId="38" fontId="9" fillId="0" borderId="0" xfId="1" applyFont="1" applyFill="1" applyAlignment="1">
      <alignment vertical="center"/>
    </xf>
    <xf numFmtId="3" fontId="10" fillId="0" borderId="0" xfId="1" applyNumberFormat="1" applyFont="1" applyFill="1" applyAlignment="1">
      <alignment vertical="center"/>
    </xf>
    <xf numFmtId="38" fontId="10" fillId="0" borderId="0" xfId="1" applyFont="1" applyFill="1" applyAlignment="1">
      <alignment vertical="center"/>
    </xf>
    <xf numFmtId="38" fontId="8" fillId="0" borderId="0" xfId="1" applyFont="1" applyFill="1" applyAlignment="1">
      <alignment horizontal="left" vertical="center"/>
    </xf>
    <xf numFmtId="38" fontId="8" fillId="0" borderId="0" xfId="1" applyFont="1" applyFill="1" applyAlignment="1">
      <alignment vertical="center" wrapText="1"/>
    </xf>
    <xf numFmtId="38" fontId="6" fillId="0" borderId="0" xfId="1" applyFont="1" applyFill="1" applyAlignment="1">
      <alignment vertical="center"/>
    </xf>
    <xf numFmtId="3" fontId="6" fillId="0" borderId="0" xfId="1" applyNumberFormat="1" applyFont="1" applyFill="1" applyAlignment="1">
      <alignment vertical="center"/>
    </xf>
    <xf numFmtId="38" fontId="0" fillId="0" borderId="18" xfId="1" applyFont="1" applyFill="1" applyBorder="1" applyAlignment="1">
      <alignment horizontal="distributed" vertical="center" wrapText="1"/>
    </xf>
    <xf numFmtId="38" fontId="3" fillId="0" borderId="19" xfId="1" applyFont="1" applyFill="1" applyBorder="1" applyAlignment="1">
      <alignment horizontal="distributed" vertical="center" wrapText="1"/>
    </xf>
    <xf numFmtId="3" fontId="4" fillId="0" borderId="0" xfId="1" applyNumberFormat="1" applyFont="1" applyFill="1" applyAlignment="1">
      <alignment horizontal="center" vertical="center"/>
    </xf>
    <xf numFmtId="38" fontId="1" fillId="0" borderId="1" xfId="1" applyFill="1" applyBorder="1" applyAlignment="1">
      <alignment horizontal="distributed" vertical="center" shrinkToFit="1"/>
    </xf>
    <xf numFmtId="38" fontId="1" fillId="0" borderId="2" xfId="1" applyFill="1" applyBorder="1" applyAlignment="1">
      <alignment horizontal="distributed" vertical="center" shrinkToFit="1"/>
    </xf>
    <xf numFmtId="38" fontId="1" fillId="0" borderId="3" xfId="1" applyFill="1" applyBorder="1" applyAlignment="1">
      <alignment horizontal="distributed" vertical="center" shrinkToFit="1"/>
    </xf>
    <xf numFmtId="0" fontId="0" fillId="0" borderId="0" xfId="1" applyNumberFormat="1" applyFont="1" applyFill="1" applyAlignment="1">
      <alignment horizontal="center" vertical="center" shrinkToFit="1"/>
    </xf>
    <xf numFmtId="38" fontId="3" fillId="0" borderId="12" xfId="1" applyFont="1" applyFill="1" applyBorder="1" applyAlignment="1">
      <alignment horizontal="distributed" vertical="center"/>
    </xf>
    <xf numFmtId="38" fontId="3" fillId="0" borderId="13" xfId="1" applyFont="1" applyFill="1" applyBorder="1" applyAlignment="1">
      <alignment horizontal="distributed" vertical="center"/>
    </xf>
    <xf numFmtId="38" fontId="3" fillId="0" borderId="14" xfId="1" applyFont="1" applyFill="1" applyBorder="1" applyAlignment="1">
      <alignment horizontal="distributed" vertical="center"/>
    </xf>
    <xf numFmtId="38" fontId="3" fillId="0" borderId="18" xfId="1" applyFont="1" applyFill="1" applyBorder="1" applyAlignment="1">
      <alignment horizontal="distributed" vertical="center"/>
    </xf>
    <xf numFmtId="38" fontId="3" fillId="0" borderId="19" xfId="1" applyFont="1" applyFill="1" applyBorder="1" applyAlignment="1">
      <alignment horizontal="distributed" vertical="center"/>
    </xf>
    <xf numFmtId="38" fontId="0" fillId="0" borderId="18" xfId="1" applyFont="1" applyFill="1" applyBorder="1" applyAlignment="1">
      <alignment horizontal="distributed" vertical="center"/>
    </xf>
    <xf numFmtId="38" fontId="3" fillId="0" borderId="21" xfId="1" applyFont="1" applyFill="1" applyBorder="1" applyAlignment="1">
      <alignment horizontal="distributed" vertical="center"/>
    </xf>
    <xf numFmtId="38" fontId="0" fillId="0" borderId="19" xfId="1" applyFont="1" applyFill="1" applyBorder="1" applyAlignment="1">
      <alignment horizontal="distributed" vertical="center"/>
    </xf>
    <xf numFmtId="38" fontId="3" fillId="0" borderId="18" xfId="1" applyFont="1" applyFill="1" applyBorder="1" applyAlignment="1">
      <alignment horizontal="distributed" vertical="center" shrinkToFit="1"/>
    </xf>
    <xf numFmtId="0" fontId="3" fillId="0" borderId="19" xfId="0" applyFont="1" applyFill="1" applyBorder="1" applyAlignment="1">
      <alignment horizontal="distributed"/>
    </xf>
    <xf numFmtId="0" fontId="3" fillId="0" borderId="19" xfId="0" applyFont="1" applyFill="1" applyBorder="1" applyAlignment="1">
      <alignment horizontal="distributed" vertical="center"/>
    </xf>
    <xf numFmtId="38" fontId="8" fillId="0" borderId="0" xfId="1" applyFont="1" applyFill="1" applyAlignment="1">
      <alignment horizontal="left" vertical="center"/>
    </xf>
    <xf numFmtId="49" fontId="8" fillId="0" borderId="0" xfId="1" applyNumberFormat="1" applyFont="1" applyFill="1" applyAlignment="1">
      <alignment horizontal="left" vertical="center" wrapText="1"/>
    </xf>
    <xf numFmtId="49" fontId="8" fillId="0" borderId="0" xfId="1" applyNumberFormat="1" applyFont="1" applyFill="1" applyAlignment="1">
      <alignment horizontal="left" vertical="center"/>
    </xf>
    <xf numFmtId="38" fontId="3" fillId="0" borderId="1" xfId="1" applyFont="1" applyFill="1" applyBorder="1" applyAlignment="1">
      <alignment horizontal="distributed" vertical="center"/>
    </xf>
    <xf numFmtId="38" fontId="3" fillId="0" borderId="2" xfId="1" applyFont="1" applyFill="1" applyBorder="1" applyAlignment="1">
      <alignment horizontal="distributed" vertical="center"/>
    </xf>
    <xf numFmtId="38" fontId="3" fillId="0" borderId="3" xfId="1" applyFont="1" applyFill="1" applyBorder="1" applyAlignment="1">
      <alignment horizontal="distributed" vertical="center"/>
    </xf>
    <xf numFmtId="38" fontId="7" fillId="0" borderId="0" xfId="1" applyFont="1" applyFill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M117"/>
  <sheetViews>
    <sheetView tabSelected="1" view="pageBreakPreview" zoomScaleNormal="100" zoomScaleSheetLayoutView="100" workbookViewId="0">
      <pane ySplit="3" topLeftCell="A4" activePane="bottomLeft" state="frozen"/>
      <selection pane="bottomLeft" activeCell="G7" sqref="G7"/>
    </sheetView>
  </sheetViews>
  <sheetFormatPr defaultRowHeight="14.4"/>
  <cols>
    <col min="1" max="1" width="2.8984375" style="15" customWidth="1"/>
    <col min="2" max="2" width="2.09765625" style="15" customWidth="1"/>
    <col min="3" max="3" width="16.59765625" style="16" customWidth="1"/>
    <col min="4" max="5" width="18.3984375" style="82" customWidth="1"/>
    <col min="6" max="6" width="18.3984375" style="83" customWidth="1"/>
    <col min="7" max="7" width="18.3984375" style="82" customWidth="1"/>
    <col min="8" max="8" width="4" style="14" customWidth="1"/>
    <col min="9" max="254" width="9" style="14"/>
    <col min="255" max="255" width="2.8984375" style="14" customWidth="1"/>
    <col min="256" max="256" width="2.09765625" style="14" customWidth="1"/>
    <col min="257" max="257" width="13.09765625" style="14" customWidth="1"/>
    <col min="258" max="263" width="12.69921875" style="14" customWidth="1"/>
    <col min="264" max="264" width="4" style="14" customWidth="1"/>
    <col min="265" max="510" width="9" style="14"/>
    <col min="511" max="511" width="2.8984375" style="14" customWidth="1"/>
    <col min="512" max="512" width="2.09765625" style="14" customWidth="1"/>
    <col min="513" max="513" width="13.09765625" style="14" customWidth="1"/>
    <col min="514" max="519" width="12.69921875" style="14" customWidth="1"/>
    <col min="520" max="520" width="4" style="14" customWidth="1"/>
    <col min="521" max="766" width="9" style="14"/>
    <col min="767" max="767" width="2.8984375" style="14" customWidth="1"/>
    <col min="768" max="768" width="2.09765625" style="14" customWidth="1"/>
    <col min="769" max="769" width="13.09765625" style="14" customWidth="1"/>
    <col min="770" max="775" width="12.69921875" style="14" customWidth="1"/>
    <col min="776" max="776" width="4" style="14" customWidth="1"/>
    <col min="777" max="1022" width="9" style="14"/>
    <col min="1023" max="1023" width="2.8984375" style="14" customWidth="1"/>
    <col min="1024" max="1024" width="2.09765625" style="14" customWidth="1"/>
    <col min="1025" max="1025" width="13.09765625" style="14" customWidth="1"/>
    <col min="1026" max="1031" width="12.69921875" style="14" customWidth="1"/>
    <col min="1032" max="1032" width="4" style="14" customWidth="1"/>
    <col min="1033" max="1278" width="9" style="14"/>
    <col min="1279" max="1279" width="2.8984375" style="14" customWidth="1"/>
    <col min="1280" max="1280" width="2.09765625" style="14" customWidth="1"/>
    <col min="1281" max="1281" width="13.09765625" style="14" customWidth="1"/>
    <col min="1282" max="1287" width="12.69921875" style="14" customWidth="1"/>
    <col min="1288" max="1288" width="4" style="14" customWidth="1"/>
    <col min="1289" max="1534" width="9" style="14"/>
    <col min="1535" max="1535" width="2.8984375" style="14" customWidth="1"/>
    <col min="1536" max="1536" width="2.09765625" style="14" customWidth="1"/>
    <col min="1537" max="1537" width="13.09765625" style="14" customWidth="1"/>
    <col min="1538" max="1543" width="12.69921875" style="14" customWidth="1"/>
    <col min="1544" max="1544" width="4" style="14" customWidth="1"/>
    <col min="1545" max="1790" width="9" style="14"/>
    <col min="1791" max="1791" width="2.8984375" style="14" customWidth="1"/>
    <col min="1792" max="1792" width="2.09765625" style="14" customWidth="1"/>
    <col min="1793" max="1793" width="13.09765625" style="14" customWidth="1"/>
    <col min="1794" max="1799" width="12.69921875" style="14" customWidth="1"/>
    <col min="1800" max="1800" width="4" style="14" customWidth="1"/>
    <col min="1801" max="2046" width="9" style="14"/>
    <col min="2047" max="2047" width="2.8984375" style="14" customWidth="1"/>
    <col min="2048" max="2048" width="2.09765625" style="14" customWidth="1"/>
    <col min="2049" max="2049" width="13.09765625" style="14" customWidth="1"/>
    <col min="2050" max="2055" width="12.69921875" style="14" customWidth="1"/>
    <col min="2056" max="2056" width="4" style="14" customWidth="1"/>
    <col min="2057" max="2302" width="9" style="14"/>
    <col min="2303" max="2303" width="2.8984375" style="14" customWidth="1"/>
    <col min="2304" max="2304" width="2.09765625" style="14" customWidth="1"/>
    <col min="2305" max="2305" width="13.09765625" style="14" customWidth="1"/>
    <col min="2306" max="2311" width="12.69921875" style="14" customWidth="1"/>
    <col min="2312" max="2312" width="4" style="14" customWidth="1"/>
    <col min="2313" max="2558" width="9" style="14"/>
    <col min="2559" max="2559" width="2.8984375" style="14" customWidth="1"/>
    <col min="2560" max="2560" width="2.09765625" style="14" customWidth="1"/>
    <col min="2561" max="2561" width="13.09765625" style="14" customWidth="1"/>
    <col min="2562" max="2567" width="12.69921875" style="14" customWidth="1"/>
    <col min="2568" max="2568" width="4" style="14" customWidth="1"/>
    <col min="2569" max="2814" width="9" style="14"/>
    <col min="2815" max="2815" width="2.8984375" style="14" customWidth="1"/>
    <col min="2816" max="2816" width="2.09765625" style="14" customWidth="1"/>
    <col min="2817" max="2817" width="13.09765625" style="14" customWidth="1"/>
    <col min="2818" max="2823" width="12.69921875" style="14" customWidth="1"/>
    <col min="2824" max="2824" width="4" style="14" customWidth="1"/>
    <col min="2825" max="3070" width="9" style="14"/>
    <col min="3071" max="3071" width="2.8984375" style="14" customWidth="1"/>
    <col min="3072" max="3072" width="2.09765625" style="14" customWidth="1"/>
    <col min="3073" max="3073" width="13.09765625" style="14" customWidth="1"/>
    <col min="3074" max="3079" width="12.69921875" style="14" customWidth="1"/>
    <col min="3080" max="3080" width="4" style="14" customWidth="1"/>
    <col min="3081" max="3326" width="9" style="14"/>
    <col min="3327" max="3327" width="2.8984375" style="14" customWidth="1"/>
    <col min="3328" max="3328" width="2.09765625" style="14" customWidth="1"/>
    <col min="3329" max="3329" width="13.09765625" style="14" customWidth="1"/>
    <col min="3330" max="3335" width="12.69921875" style="14" customWidth="1"/>
    <col min="3336" max="3336" width="4" style="14" customWidth="1"/>
    <col min="3337" max="3582" width="9" style="14"/>
    <col min="3583" max="3583" width="2.8984375" style="14" customWidth="1"/>
    <col min="3584" max="3584" width="2.09765625" style="14" customWidth="1"/>
    <col min="3585" max="3585" width="13.09765625" style="14" customWidth="1"/>
    <col min="3586" max="3591" width="12.69921875" style="14" customWidth="1"/>
    <col min="3592" max="3592" width="4" style="14" customWidth="1"/>
    <col min="3593" max="3838" width="9" style="14"/>
    <col min="3839" max="3839" width="2.8984375" style="14" customWidth="1"/>
    <col min="3840" max="3840" width="2.09765625" style="14" customWidth="1"/>
    <col min="3841" max="3841" width="13.09765625" style="14" customWidth="1"/>
    <col min="3842" max="3847" width="12.69921875" style="14" customWidth="1"/>
    <col min="3848" max="3848" width="4" style="14" customWidth="1"/>
    <col min="3849" max="4094" width="9" style="14"/>
    <col min="4095" max="4095" width="2.8984375" style="14" customWidth="1"/>
    <col min="4096" max="4096" width="2.09765625" style="14" customWidth="1"/>
    <col min="4097" max="4097" width="13.09765625" style="14" customWidth="1"/>
    <col min="4098" max="4103" width="12.69921875" style="14" customWidth="1"/>
    <col min="4104" max="4104" width="4" style="14" customWidth="1"/>
    <col min="4105" max="4350" width="9" style="14"/>
    <col min="4351" max="4351" width="2.8984375" style="14" customWidth="1"/>
    <col min="4352" max="4352" width="2.09765625" style="14" customWidth="1"/>
    <col min="4353" max="4353" width="13.09765625" style="14" customWidth="1"/>
    <col min="4354" max="4359" width="12.69921875" style="14" customWidth="1"/>
    <col min="4360" max="4360" width="4" style="14" customWidth="1"/>
    <col min="4361" max="4606" width="9" style="14"/>
    <col min="4607" max="4607" width="2.8984375" style="14" customWidth="1"/>
    <col min="4608" max="4608" width="2.09765625" style="14" customWidth="1"/>
    <col min="4609" max="4609" width="13.09765625" style="14" customWidth="1"/>
    <col min="4610" max="4615" width="12.69921875" style="14" customWidth="1"/>
    <col min="4616" max="4616" width="4" style="14" customWidth="1"/>
    <col min="4617" max="4862" width="9" style="14"/>
    <col min="4863" max="4863" width="2.8984375" style="14" customWidth="1"/>
    <col min="4864" max="4864" width="2.09765625" style="14" customWidth="1"/>
    <col min="4865" max="4865" width="13.09765625" style="14" customWidth="1"/>
    <col min="4866" max="4871" width="12.69921875" style="14" customWidth="1"/>
    <col min="4872" max="4872" width="4" style="14" customWidth="1"/>
    <col min="4873" max="5118" width="9" style="14"/>
    <col min="5119" max="5119" width="2.8984375" style="14" customWidth="1"/>
    <col min="5120" max="5120" width="2.09765625" style="14" customWidth="1"/>
    <col min="5121" max="5121" width="13.09765625" style="14" customWidth="1"/>
    <col min="5122" max="5127" width="12.69921875" style="14" customWidth="1"/>
    <col min="5128" max="5128" width="4" style="14" customWidth="1"/>
    <col min="5129" max="5374" width="9" style="14"/>
    <col min="5375" max="5375" width="2.8984375" style="14" customWidth="1"/>
    <col min="5376" max="5376" width="2.09765625" style="14" customWidth="1"/>
    <col min="5377" max="5377" width="13.09765625" style="14" customWidth="1"/>
    <col min="5378" max="5383" width="12.69921875" style="14" customWidth="1"/>
    <col min="5384" max="5384" width="4" style="14" customWidth="1"/>
    <col min="5385" max="5630" width="9" style="14"/>
    <col min="5631" max="5631" width="2.8984375" style="14" customWidth="1"/>
    <col min="5632" max="5632" width="2.09765625" style="14" customWidth="1"/>
    <col min="5633" max="5633" width="13.09765625" style="14" customWidth="1"/>
    <col min="5634" max="5639" width="12.69921875" style="14" customWidth="1"/>
    <col min="5640" max="5640" width="4" style="14" customWidth="1"/>
    <col min="5641" max="5886" width="9" style="14"/>
    <col min="5887" max="5887" width="2.8984375" style="14" customWidth="1"/>
    <col min="5888" max="5888" width="2.09765625" style="14" customWidth="1"/>
    <col min="5889" max="5889" width="13.09765625" style="14" customWidth="1"/>
    <col min="5890" max="5895" width="12.69921875" style="14" customWidth="1"/>
    <col min="5896" max="5896" width="4" style="14" customWidth="1"/>
    <col min="5897" max="6142" width="9" style="14"/>
    <col min="6143" max="6143" width="2.8984375" style="14" customWidth="1"/>
    <col min="6144" max="6144" width="2.09765625" style="14" customWidth="1"/>
    <col min="6145" max="6145" width="13.09765625" style="14" customWidth="1"/>
    <col min="6146" max="6151" width="12.69921875" style="14" customWidth="1"/>
    <col min="6152" max="6152" width="4" style="14" customWidth="1"/>
    <col min="6153" max="6398" width="9" style="14"/>
    <col min="6399" max="6399" width="2.8984375" style="14" customWidth="1"/>
    <col min="6400" max="6400" width="2.09765625" style="14" customWidth="1"/>
    <col min="6401" max="6401" width="13.09765625" style="14" customWidth="1"/>
    <col min="6402" max="6407" width="12.69921875" style="14" customWidth="1"/>
    <col min="6408" max="6408" width="4" style="14" customWidth="1"/>
    <col min="6409" max="6654" width="9" style="14"/>
    <col min="6655" max="6655" width="2.8984375" style="14" customWidth="1"/>
    <col min="6656" max="6656" width="2.09765625" style="14" customWidth="1"/>
    <col min="6657" max="6657" width="13.09765625" style="14" customWidth="1"/>
    <col min="6658" max="6663" width="12.69921875" style="14" customWidth="1"/>
    <col min="6664" max="6664" width="4" style="14" customWidth="1"/>
    <col min="6665" max="6910" width="9" style="14"/>
    <col min="6911" max="6911" width="2.8984375" style="14" customWidth="1"/>
    <col min="6912" max="6912" width="2.09765625" style="14" customWidth="1"/>
    <col min="6913" max="6913" width="13.09765625" style="14" customWidth="1"/>
    <col min="6914" max="6919" width="12.69921875" style="14" customWidth="1"/>
    <col min="6920" max="6920" width="4" style="14" customWidth="1"/>
    <col min="6921" max="7166" width="9" style="14"/>
    <col min="7167" max="7167" width="2.8984375" style="14" customWidth="1"/>
    <col min="7168" max="7168" width="2.09765625" style="14" customWidth="1"/>
    <col min="7169" max="7169" width="13.09765625" style="14" customWidth="1"/>
    <col min="7170" max="7175" width="12.69921875" style="14" customWidth="1"/>
    <col min="7176" max="7176" width="4" style="14" customWidth="1"/>
    <col min="7177" max="7422" width="9" style="14"/>
    <col min="7423" max="7423" width="2.8984375" style="14" customWidth="1"/>
    <col min="7424" max="7424" width="2.09765625" style="14" customWidth="1"/>
    <col min="7425" max="7425" width="13.09765625" style="14" customWidth="1"/>
    <col min="7426" max="7431" width="12.69921875" style="14" customWidth="1"/>
    <col min="7432" max="7432" width="4" style="14" customWidth="1"/>
    <col min="7433" max="7678" width="9" style="14"/>
    <col min="7679" max="7679" width="2.8984375" style="14" customWidth="1"/>
    <col min="7680" max="7680" width="2.09765625" style="14" customWidth="1"/>
    <col min="7681" max="7681" width="13.09765625" style="14" customWidth="1"/>
    <col min="7682" max="7687" width="12.69921875" style="14" customWidth="1"/>
    <col min="7688" max="7688" width="4" style="14" customWidth="1"/>
    <col min="7689" max="7934" width="9" style="14"/>
    <col min="7935" max="7935" width="2.8984375" style="14" customWidth="1"/>
    <col min="7936" max="7936" width="2.09765625" style="14" customWidth="1"/>
    <col min="7937" max="7937" width="13.09765625" style="14" customWidth="1"/>
    <col min="7938" max="7943" width="12.69921875" style="14" customWidth="1"/>
    <col min="7944" max="7944" width="4" style="14" customWidth="1"/>
    <col min="7945" max="8190" width="9" style="14"/>
    <col min="8191" max="8191" width="2.8984375" style="14" customWidth="1"/>
    <col min="8192" max="8192" width="2.09765625" style="14" customWidth="1"/>
    <col min="8193" max="8193" width="13.09765625" style="14" customWidth="1"/>
    <col min="8194" max="8199" width="12.69921875" style="14" customWidth="1"/>
    <col min="8200" max="8200" width="4" style="14" customWidth="1"/>
    <col min="8201" max="8446" width="9" style="14"/>
    <col min="8447" max="8447" width="2.8984375" style="14" customWidth="1"/>
    <col min="8448" max="8448" width="2.09765625" style="14" customWidth="1"/>
    <col min="8449" max="8449" width="13.09765625" style="14" customWidth="1"/>
    <col min="8450" max="8455" width="12.69921875" style="14" customWidth="1"/>
    <col min="8456" max="8456" width="4" style="14" customWidth="1"/>
    <col min="8457" max="8702" width="9" style="14"/>
    <col min="8703" max="8703" width="2.8984375" style="14" customWidth="1"/>
    <col min="8704" max="8704" width="2.09765625" style="14" customWidth="1"/>
    <col min="8705" max="8705" width="13.09765625" style="14" customWidth="1"/>
    <col min="8706" max="8711" width="12.69921875" style="14" customWidth="1"/>
    <col min="8712" max="8712" width="4" style="14" customWidth="1"/>
    <col min="8713" max="8958" width="9" style="14"/>
    <col min="8959" max="8959" width="2.8984375" style="14" customWidth="1"/>
    <col min="8960" max="8960" width="2.09765625" style="14" customWidth="1"/>
    <col min="8961" max="8961" width="13.09765625" style="14" customWidth="1"/>
    <col min="8962" max="8967" width="12.69921875" style="14" customWidth="1"/>
    <col min="8968" max="8968" width="4" style="14" customWidth="1"/>
    <col min="8969" max="9214" width="9" style="14"/>
    <col min="9215" max="9215" width="2.8984375" style="14" customWidth="1"/>
    <col min="9216" max="9216" width="2.09765625" style="14" customWidth="1"/>
    <col min="9217" max="9217" width="13.09765625" style="14" customWidth="1"/>
    <col min="9218" max="9223" width="12.69921875" style="14" customWidth="1"/>
    <col min="9224" max="9224" width="4" style="14" customWidth="1"/>
    <col min="9225" max="9470" width="9" style="14"/>
    <col min="9471" max="9471" width="2.8984375" style="14" customWidth="1"/>
    <col min="9472" max="9472" width="2.09765625" style="14" customWidth="1"/>
    <col min="9473" max="9473" width="13.09765625" style="14" customWidth="1"/>
    <col min="9474" max="9479" width="12.69921875" style="14" customWidth="1"/>
    <col min="9480" max="9480" width="4" style="14" customWidth="1"/>
    <col min="9481" max="9726" width="9" style="14"/>
    <col min="9727" max="9727" width="2.8984375" style="14" customWidth="1"/>
    <col min="9728" max="9728" width="2.09765625" style="14" customWidth="1"/>
    <col min="9729" max="9729" width="13.09765625" style="14" customWidth="1"/>
    <col min="9730" max="9735" width="12.69921875" style="14" customWidth="1"/>
    <col min="9736" max="9736" width="4" style="14" customWidth="1"/>
    <col min="9737" max="9982" width="9" style="14"/>
    <col min="9983" max="9983" width="2.8984375" style="14" customWidth="1"/>
    <col min="9984" max="9984" width="2.09765625" style="14" customWidth="1"/>
    <col min="9985" max="9985" width="13.09765625" style="14" customWidth="1"/>
    <col min="9986" max="9991" width="12.69921875" style="14" customWidth="1"/>
    <col min="9992" max="9992" width="4" style="14" customWidth="1"/>
    <col min="9993" max="10238" width="9" style="14"/>
    <col min="10239" max="10239" width="2.8984375" style="14" customWidth="1"/>
    <col min="10240" max="10240" width="2.09765625" style="14" customWidth="1"/>
    <col min="10241" max="10241" width="13.09765625" style="14" customWidth="1"/>
    <col min="10242" max="10247" width="12.69921875" style="14" customWidth="1"/>
    <col min="10248" max="10248" width="4" style="14" customWidth="1"/>
    <col min="10249" max="10494" width="9" style="14"/>
    <col min="10495" max="10495" width="2.8984375" style="14" customWidth="1"/>
    <col min="10496" max="10496" width="2.09765625" style="14" customWidth="1"/>
    <col min="10497" max="10497" width="13.09765625" style="14" customWidth="1"/>
    <col min="10498" max="10503" width="12.69921875" style="14" customWidth="1"/>
    <col min="10504" max="10504" width="4" style="14" customWidth="1"/>
    <col min="10505" max="10750" width="9" style="14"/>
    <col min="10751" max="10751" width="2.8984375" style="14" customWidth="1"/>
    <col min="10752" max="10752" width="2.09765625" style="14" customWidth="1"/>
    <col min="10753" max="10753" width="13.09765625" style="14" customWidth="1"/>
    <col min="10754" max="10759" width="12.69921875" style="14" customWidth="1"/>
    <col min="10760" max="10760" width="4" style="14" customWidth="1"/>
    <col min="10761" max="11006" width="9" style="14"/>
    <col min="11007" max="11007" width="2.8984375" style="14" customWidth="1"/>
    <col min="11008" max="11008" width="2.09765625" style="14" customWidth="1"/>
    <col min="11009" max="11009" width="13.09765625" style="14" customWidth="1"/>
    <col min="11010" max="11015" width="12.69921875" style="14" customWidth="1"/>
    <col min="11016" max="11016" width="4" style="14" customWidth="1"/>
    <col min="11017" max="11262" width="9" style="14"/>
    <col min="11263" max="11263" width="2.8984375" style="14" customWidth="1"/>
    <col min="11264" max="11264" width="2.09765625" style="14" customWidth="1"/>
    <col min="11265" max="11265" width="13.09765625" style="14" customWidth="1"/>
    <col min="11266" max="11271" width="12.69921875" style="14" customWidth="1"/>
    <col min="11272" max="11272" width="4" style="14" customWidth="1"/>
    <col min="11273" max="11518" width="9" style="14"/>
    <col min="11519" max="11519" width="2.8984375" style="14" customWidth="1"/>
    <col min="11520" max="11520" width="2.09765625" style="14" customWidth="1"/>
    <col min="11521" max="11521" width="13.09765625" style="14" customWidth="1"/>
    <col min="11522" max="11527" width="12.69921875" style="14" customWidth="1"/>
    <col min="11528" max="11528" width="4" style="14" customWidth="1"/>
    <col min="11529" max="11774" width="9" style="14"/>
    <col min="11775" max="11775" width="2.8984375" style="14" customWidth="1"/>
    <col min="11776" max="11776" width="2.09765625" style="14" customWidth="1"/>
    <col min="11777" max="11777" width="13.09765625" style="14" customWidth="1"/>
    <col min="11778" max="11783" width="12.69921875" style="14" customWidth="1"/>
    <col min="11784" max="11784" width="4" style="14" customWidth="1"/>
    <col min="11785" max="12030" width="9" style="14"/>
    <col min="12031" max="12031" width="2.8984375" style="14" customWidth="1"/>
    <col min="12032" max="12032" width="2.09765625" style="14" customWidth="1"/>
    <col min="12033" max="12033" width="13.09765625" style="14" customWidth="1"/>
    <col min="12034" max="12039" width="12.69921875" style="14" customWidth="1"/>
    <col min="12040" max="12040" width="4" style="14" customWidth="1"/>
    <col min="12041" max="12286" width="9" style="14"/>
    <col min="12287" max="12287" width="2.8984375" style="14" customWidth="1"/>
    <col min="12288" max="12288" width="2.09765625" style="14" customWidth="1"/>
    <col min="12289" max="12289" width="13.09765625" style="14" customWidth="1"/>
    <col min="12290" max="12295" width="12.69921875" style="14" customWidth="1"/>
    <col min="12296" max="12296" width="4" style="14" customWidth="1"/>
    <col min="12297" max="12542" width="9" style="14"/>
    <col min="12543" max="12543" width="2.8984375" style="14" customWidth="1"/>
    <col min="12544" max="12544" width="2.09765625" style="14" customWidth="1"/>
    <col min="12545" max="12545" width="13.09765625" style="14" customWidth="1"/>
    <col min="12546" max="12551" width="12.69921875" style="14" customWidth="1"/>
    <col min="12552" max="12552" width="4" style="14" customWidth="1"/>
    <col min="12553" max="12798" width="9" style="14"/>
    <col min="12799" max="12799" width="2.8984375" style="14" customWidth="1"/>
    <col min="12800" max="12800" width="2.09765625" style="14" customWidth="1"/>
    <col min="12801" max="12801" width="13.09765625" style="14" customWidth="1"/>
    <col min="12802" max="12807" width="12.69921875" style="14" customWidth="1"/>
    <col min="12808" max="12808" width="4" style="14" customWidth="1"/>
    <col min="12809" max="13054" width="9" style="14"/>
    <col min="13055" max="13055" width="2.8984375" style="14" customWidth="1"/>
    <col min="13056" max="13056" width="2.09765625" style="14" customWidth="1"/>
    <col min="13057" max="13057" width="13.09765625" style="14" customWidth="1"/>
    <col min="13058" max="13063" width="12.69921875" style="14" customWidth="1"/>
    <col min="13064" max="13064" width="4" style="14" customWidth="1"/>
    <col min="13065" max="13310" width="9" style="14"/>
    <col min="13311" max="13311" width="2.8984375" style="14" customWidth="1"/>
    <col min="13312" max="13312" width="2.09765625" style="14" customWidth="1"/>
    <col min="13313" max="13313" width="13.09765625" style="14" customWidth="1"/>
    <col min="13314" max="13319" width="12.69921875" style="14" customWidth="1"/>
    <col min="13320" max="13320" width="4" style="14" customWidth="1"/>
    <col min="13321" max="13566" width="9" style="14"/>
    <col min="13567" max="13567" width="2.8984375" style="14" customWidth="1"/>
    <col min="13568" max="13568" width="2.09765625" style="14" customWidth="1"/>
    <col min="13569" max="13569" width="13.09765625" style="14" customWidth="1"/>
    <col min="13570" max="13575" width="12.69921875" style="14" customWidth="1"/>
    <col min="13576" max="13576" width="4" style="14" customWidth="1"/>
    <col min="13577" max="13822" width="9" style="14"/>
    <col min="13823" max="13823" width="2.8984375" style="14" customWidth="1"/>
    <col min="13824" max="13824" width="2.09765625" style="14" customWidth="1"/>
    <col min="13825" max="13825" width="13.09765625" style="14" customWidth="1"/>
    <col min="13826" max="13831" width="12.69921875" style="14" customWidth="1"/>
    <col min="13832" max="13832" width="4" style="14" customWidth="1"/>
    <col min="13833" max="14078" width="9" style="14"/>
    <col min="14079" max="14079" width="2.8984375" style="14" customWidth="1"/>
    <col min="14080" max="14080" width="2.09765625" style="14" customWidth="1"/>
    <col min="14081" max="14081" width="13.09765625" style="14" customWidth="1"/>
    <col min="14082" max="14087" width="12.69921875" style="14" customWidth="1"/>
    <col min="14088" max="14088" width="4" style="14" customWidth="1"/>
    <col min="14089" max="14334" width="9" style="14"/>
    <col min="14335" max="14335" width="2.8984375" style="14" customWidth="1"/>
    <col min="14336" max="14336" width="2.09765625" style="14" customWidth="1"/>
    <col min="14337" max="14337" width="13.09765625" style="14" customWidth="1"/>
    <col min="14338" max="14343" width="12.69921875" style="14" customWidth="1"/>
    <col min="14344" max="14344" width="4" style="14" customWidth="1"/>
    <col min="14345" max="14590" width="9" style="14"/>
    <col min="14591" max="14591" width="2.8984375" style="14" customWidth="1"/>
    <col min="14592" max="14592" width="2.09765625" style="14" customWidth="1"/>
    <col min="14593" max="14593" width="13.09765625" style="14" customWidth="1"/>
    <col min="14594" max="14599" width="12.69921875" style="14" customWidth="1"/>
    <col min="14600" max="14600" width="4" style="14" customWidth="1"/>
    <col min="14601" max="14846" width="9" style="14"/>
    <col min="14847" max="14847" width="2.8984375" style="14" customWidth="1"/>
    <col min="14848" max="14848" width="2.09765625" style="14" customWidth="1"/>
    <col min="14849" max="14849" width="13.09765625" style="14" customWidth="1"/>
    <col min="14850" max="14855" width="12.69921875" style="14" customWidth="1"/>
    <col min="14856" max="14856" width="4" style="14" customWidth="1"/>
    <col min="14857" max="15102" width="9" style="14"/>
    <col min="15103" max="15103" width="2.8984375" style="14" customWidth="1"/>
    <col min="15104" max="15104" width="2.09765625" style="14" customWidth="1"/>
    <col min="15105" max="15105" width="13.09765625" style="14" customWidth="1"/>
    <col min="15106" max="15111" width="12.69921875" style="14" customWidth="1"/>
    <col min="15112" max="15112" width="4" style="14" customWidth="1"/>
    <col min="15113" max="15358" width="9" style="14"/>
    <col min="15359" max="15359" width="2.8984375" style="14" customWidth="1"/>
    <col min="15360" max="15360" width="2.09765625" style="14" customWidth="1"/>
    <col min="15361" max="15361" width="13.09765625" style="14" customWidth="1"/>
    <col min="15362" max="15367" width="12.69921875" style="14" customWidth="1"/>
    <col min="15368" max="15368" width="4" style="14" customWidth="1"/>
    <col min="15369" max="15614" width="9" style="14"/>
    <col min="15615" max="15615" width="2.8984375" style="14" customWidth="1"/>
    <col min="15616" max="15616" width="2.09765625" style="14" customWidth="1"/>
    <col min="15617" max="15617" width="13.09765625" style="14" customWidth="1"/>
    <col min="15618" max="15623" width="12.69921875" style="14" customWidth="1"/>
    <col min="15624" max="15624" width="4" style="14" customWidth="1"/>
    <col min="15625" max="15870" width="9" style="14"/>
    <col min="15871" max="15871" width="2.8984375" style="14" customWidth="1"/>
    <col min="15872" max="15872" width="2.09765625" style="14" customWidth="1"/>
    <col min="15873" max="15873" width="13.09765625" style="14" customWidth="1"/>
    <col min="15874" max="15879" width="12.69921875" style="14" customWidth="1"/>
    <col min="15880" max="15880" width="4" style="14" customWidth="1"/>
    <col min="15881" max="16126" width="9" style="14"/>
    <col min="16127" max="16127" width="2.8984375" style="14" customWidth="1"/>
    <col min="16128" max="16128" width="2.09765625" style="14" customWidth="1"/>
    <col min="16129" max="16129" width="13.09765625" style="14" customWidth="1"/>
    <col min="16130" max="16135" width="12.69921875" style="14" customWidth="1"/>
    <col min="16136" max="16136" width="4" style="14" customWidth="1"/>
    <col min="16137" max="16382" width="9" style="14"/>
    <col min="16383" max="16384" width="9" style="14" customWidth="1"/>
  </cols>
  <sheetData>
    <row r="1" spans="1:13" ht="18.75" customHeight="1">
      <c r="A1" s="86" t="s">
        <v>89</v>
      </c>
      <c r="B1" s="86"/>
      <c r="C1" s="86"/>
      <c r="D1" s="86"/>
      <c r="E1" s="86"/>
      <c r="F1" s="86"/>
      <c r="G1" s="86"/>
      <c r="H1" s="13"/>
      <c r="I1" s="13"/>
      <c r="J1" s="13"/>
      <c r="K1" s="13"/>
    </row>
    <row r="2" spans="1:13" ht="15" thickBot="1">
      <c r="D2" s="17"/>
      <c r="E2" s="17"/>
      <c r="F2" s="18"/>
      <c r="G2" s="19" t="s">
        <v>90</v>
      </c>
      <c r="J2" s="20"/>
    </row>
    <row r="3" spans="1:13" s="25" customFormat="1" ht="15" thickBot="1">
      <c r="A3" s="87" t="s">
        <v>0</v>
      </c>
      <c r="B3" s="88"/>
      <c r="C3" s="89"/>
      <c r="D3" s="21" t="s">
        <v>93</v>
      </c>
      <c r="E3" s="22" t="s">
        <v>1</v>
      </c>
      <c r="F3" s="23" t="s">
        <v>2</v>
      </c>
      <c r="G3" s="24" t="s">
        <v>3</v>
      </c>
      <c r="J3" s="90"/>
      <c r="K3" s="90"/>
      <c r="L3" s="90"/>
      <c r="M3" s="90"/>
    </row>
    <row r="4" spans="1:13" s="25" customFormat="1">
      <c r="A4" s="26"/>
      <c r="B4" s="27"/>
      <c r="C4" s="28"/>
      <c r="D4" s="29"/>
      <c r="E4" s="30"/>
      <c r="F4" s="31"/>
      <c r="G4" s="32"/>
      <c r="J4" s="90"/>
      <c r="K4" s="90"/>
      <c r="L4" s="90"/>
      <c r="M4" s="90"/>
    </row>
    <row r="5" spans="1:13">
      <c r="A5" s="91" t="s">
        <v>4</v>
      </c>
      <c r="B5" s="92"/>
      <c r="C5" s="93"/>
      <c r="D5" s="10">
        <v>18428</v>
      </c>
      <c r="E5" s="4">
        <v>13938</v>
      </c>
      <c r="F5" s="33">
        <v>4490</v>
      </c>
      <c r="G5" s="34">
        <v>1.3221409097431482</v>
      </c>
    </row>
    <row r="6" spans="1:13" ht="13.5" customHeight="1">
      <c r="A6" s="35"/>
      <c r="B6" s="84" t="s">
        <v>5</v>
      </c>
      <c r="C6" s="85"/>
      <c r="D6" s="8">
        <v>3481</v>
      </c>
      <c r="E6" s="1">
        <v>4093</v>
      </c>
      <c r="F6" s="33">
        <v>-612</v>
      </c>
      <c r="G6" s="34">
        <v>0.85047642316149519</v>
      </c>
    </row>
    <row r="7" spans="1:13" ht="13.5" customHeight="1">
      <c r="A7" s="36"/>
      <c r="B7" s="96" t="s">
        <v>6</v>
      </c>
      <c r="C7" s="95"/>
      <c r="D7" s="8">
        <v>6301</v>
      </c>
      <c r="E7" s="1">
        <v>3609</v>
      </c>
      <c r="F7" s="33">
        <v>2692</v>
      </c>
      <c r="G7" s="34">
        <v>1.7459129952895538</v>
      </c>
    </row>
    <row r="8" spans="1:13" ht="13.5" customHeight="1">
      <c r="A8" s="36"/>
      <c r="B8" s="96" t="s">
        <v>7</v>
      </c>
      <c r="C8" s="95"/>
      <c r="D8" s="8">
        <v>8646</v>
      </c>
      <c r="E8" s="1">
        <v>6236</v>
      </c>
      <c r="F8" s="33">
        <v>2410</v>
      </c>
      <c r="G8" s="34">
        <v>1.3864656831302116</v>
      </c>
    </row>
    <row r="9" spans="1:13">
      <c r="A9" s="36"/>
      <c r="B9" s="37"/>
      <c r="C9" s="38"/>
      <c r="D9" s="39"/>
      <c r="E9" s="40"/>
      <c r="F9" s="33"/>
      <c r="G9" s="34"/>
    </row>
    <row r="10" spans="1:13" ht="13.5" customHeight="1">
      <c r="A10" s="97" t="s">
        <v>8</v>
      </c>
      <c r="B10" s="94"/>
      <c r="C10" s="95"/>
      <c r="D10" s="10">
        <v>16954</v>
      </c>
      <c r="E10" s="4">
        <v>13002</v>
      </c>
      <c r="F10" s="33">
        <v>3952</v>
      </c>
      <c r="G10" s="34">
        <v>1.3039532379633902</v>
      </c>
    </row>
    <row r="11" spans="1:13" ht="13.5" customHeight="1">
      <c r="A11" s="36"/>
      <c r="B11" s="96" t="s">
        <v>9</v>
      </c>
      <c r="C11" s="95"/>
      <c r="D11" s="8">
        <v>2336</v>
      </c>
      <c r="E11" s="1">
        <v>2539</v>
      </c>
      <c r="F11" s="33">
        <v>-203</v>
      </c>
      <c r="G11" s="34">
        <v>0.92004726270185111</v>
      </c>
    </row>
    <row r="12" spans="1:13" ht="13.5" customHeight="1">
      <c r="A12" s="36"/>
      <c r="B12" s="96" t="s">
        <v>10</v>
      </c>
      <c r="C12" s="95"/>
      <c r="D12" s="8">
        <v>5375</v>
      </c>
      <c r="E12" s="1">
        <v>3951</v>
      </c>
      <c r="F12" s="33">
        <v>1424</v>
      </c>
      <c r="G12" s="34">
        <v>1.3604150847886611</v>
      </c>
    </row>
    <row r="13" spans="1:13" ht="13.5" customHeight="1">
      <c r="A13" s="36"/>
      <c r="B13" s="96" t="s">
        <v>11</v>
      </c>
      <c r="C13" s="95"/>
      <c r="D13" s="8">
        <v>9243</v>
      </c>
      <c r="E13" s="1">
        <v>6512</v>
      </c>
      <c r="F13" s="33">
        <v>2731</v>
      </c>
      <c r="G13" s="34">
        <v>1.419379606879607</v>
      </c>
    </row>
    <row r="14" spans="1:13" ht="13.5" customHeight="1">
      <c r="A14" s="36"/>
      <c r="B14" s="37"/>
      <c r="C14" s="38"/>
      <c r="D14" s="39"/>
      <c r="E14" s="4"/>
      <c r="F14" s="33"/>
      <c r="G14" s="34"/>
    </row>
    <row r="15" spans="1:13">
      <c r="A15" s="97" t="s">
        <v>12</v>
      </c>
      <c r="B15" s="94"/>
      <c r="C15" s="95"/>
      <c r="D15" s="10">
        <v>11891</v>
      </c>
      <c r="E15" s="4">
        <v>11151</v>
      </c>
      <c r="F15" s="33">
        <v>740</v>
      </c>
      <c r="G15" s="34">
        <v>1.0663617612770155</v>
      </c>
    </row>
    <row r="16" spans="1:13" ht="13.5" customHeight="1">
      <c r="A16" s="36"/>
      <c r="B16" s="96" t="s">
        <v>13</v>
      </c>
      <c r="C16" s="98"/>
      <c r="D16" s="8">
        <v>6933</v>
      </c>
      <c r="E16" s="1">
        <v>6075</v>
      </c>
      <c r="F16" s="33">
        <v>858</v>
      </c>
      <c r="G16" s="34">
        <v>1.1412345679012346</v>
      </c>
    </row>
    <row r="17" spans="1:7">
      <c r="A17" s="36"/>
      <c r="B17" s="96" t="s">
        <v>14</v>
      </c>
      <c r="C17" s="98"/>
      <c r="D17" s="8">
        <v>4958</v>
      </c>
      <c r="E17" s="1">
        <v>5076</v>
      </c>
      <c r="F17" s="33">
        <v>-118</v>
      </c>
      <c r="G17" s="34">
        <v>0.97675334909377465</v>
      </c>
    </row>
    <row r="18" spans="1:7">
      <c r="A18" s="36"/>
      <c r="B18" s="37"/>
      <c r="C18" s="41"/>
      <c r="D18" s="39"/>
      <c r="E18" s="40"/>
      <c r="F18" s="33"/>
      <c r="G18" s="34"/>
    </row>
    <row r="19" spans="1:7">
      <c r="A19" s="97" t="s">
        <v>15</v>
      </c>
      <c r="B19" s="94"/>
      <c r="C19" s="95"/>
      <c r="D19" s="10">
        <v>15114</v>
      </c>
      <c r="E19" s="4">
        <v>9528</v>
      </c>
      <c r="F19" s="33">
        <v>5586</v>
      </c>
      <c r="G19" s="34">
        <v>1.586272040302267</v>
      </c>
    </row>
    <row r="20" spans="1:7" ht="13.5" customHeight="1">
      <c r="A20" s="36"/>
      <c r="B20" s="96" t="s">
        <v>16</v>
      </c>
      <c r="C20" s="98"/>
      <c r="D20" s="8">
        <v>6202</v>
      </c>
      <c r="E20" s="1">
        <v>4302</v>
      </c>
      <c r="F20" s="33">
        <v>1900</v>
      </c>
      <c r="G20" s="34">
        <v>1.4416550441655045</v>
      </c>
    </row>
    <row r="21" spans="1:7" ht="13.5" customHeight="1">
      <c r="A21" s="36"/>
      <c r="B21" s="94" t="s">
        <v>17</v>
      </c>
      <c r="C21" s="95"/>
      <c r="D21" s="8">
        <v>5290</v>
      </c>
      <c r="E21" s="1">
        <v>1329</v>
      </c>
      <c r="F21" s="33">
        <v>3961</v>
      </c>
      <c r="G21" s="34">
        <v>3.9804364183596688</v>
      </c>
    </row>
    <row r="22" spans="1:7" ht="13.5" customHeight="1">
      <c r="A22" s="36"/>
      <c r="B22" s="94" t="s">
        <v>18</v>
      </c>
      <c r="C22" s="95"/>
      <c r="D22" s="9">
        <v>2982</v>
      </c>
      <c r="E22" s="3">
        <v>2757</v>
      </c>
      <c r="F22" s="33">
        <v>225</v>
      </c>
      <c r="G22" s="34">
        <v>1.0816104461371054</v>
      </c>
    </row>
    <row r="23" spans="1:7" ht="13.5" customHeight="1">
      <c r="A23" s="36"/>
      <c r="B23" s="94" t="s">
        <v>19</v>
      </c>
      <c r="C23" s="95"/>
      <c r="D23" s="9">
        <v>640</v>
      </c>
      <c r="E23" s="3">
        <v>1140</v>
      </c>
      <c r="F23" s="33">
        <v>-500</v>
      </c>
      <c r="G23" s="34">
        <v>0.56140350877192979</v>
      </c>
    </row>
    <row r="24" spans="1:7" ht="13.5" customHeight="1">
      <c r="A24" s="36"/>
      <c r="B24" s="37"/>
      <c r="C24" s="38"/>
      <c r="D24" s="42"/>
      <c r="E24" s="40"/>
      <c r="F24" s="33"/>
      <c r="G24" s="34"/>
    </row>
    <row r="25" spans="1:7">
      <c r="A25" s="97" t="s">
        <v>20</v>
      </c>
      <c r="B25" s="94"/>
      <c r="C25" s="95"/>
      <c r="D25" s="10">
        <v>19356</v>
      </c>
      <c r="E25" s="4">
        <v>12027</v>
      </c>
      <c r="F25" s="33">
        <v>7329</v>
      </c>
      <c r="G25" s="34">
        <v>1.6093788974806684</v>
      </c>
    </row>
    <row r="26" spans="1:7">
      <c r="A26" s="36"/>
      <c r="B26" s="96" t="s">
        <v>21</v>
      </c>
      <c r="C26" s="98"/>
      <c r="D26" s="8">
        <v>14255</v>
      </c>
      <c r="E26" s="1">
        <v>9110</v>
      </c>
      <c r="F26" s="33">
        <v>5145</v>
      </c>
      <c r="G26" s="34">
        <v>1.5647639956092205</v>
      </c>
    </row>
    <row r="27" spans="1:7" ht="13.5" customHeight="1">
      <c r="A27" s="36"/>
      <c r="B27" s="96" t="s">
        <v>22</v>
      </c>
      <c r="C27" s="98"/>
      <c r="D27" s="8">
        <v>5101</v>
      </c>
      <c r="E27" s="1">
        <v>2917</v>
      </c>
      <c r="F27" s="33">
        <v>2184</v>
      </c>
      <c r="G27" s="34">
        <v>1.7487144326362702</v>
      </c>
    </row>
    <row r="28" spans="1:7" ht="13.5" customHeight="1">
      <c r="A28" s="36"/>
      <c r="B28" s="37"/>
      <c r="C28" s="38"/>
      <c r="D28" s="8"/>
      <c r="E28" s="40"/>
      <c r="F28" s="33"/>
      <c r="G28" s="34"/>
    </row>
    <row r="29" spans="1:7" ht="13.5" customHeight="1">
      <c r="A29" s="97" t="s">
        <v>23</v>
      </c>
      <c r="B29" s="94"/>
      <c r="C29" s="95"/>
      <c r="D29" s="10">
        <v>18702</v>
      </c>
      <c r="E29" s="4">
        <v>8261</v>
      </c>
      <c r="F29" s="33">
        <v>10441</v>
      </c>
      <c r="G29" s="34">
        <v>2.2638905701488925</v>
      </c>
    </row>
    <row r="30" spans="1:7" ht="13.5" customHeight="1">
      <c r="A30" s="36"/>
      <c r="B30" s="96" t="s">
        <v>24</v>
      </c>
      <c r="C30" s="98"/>
      <c r="D30" s="8">
        <v>6865</v>
      </c>
      <c r="E30" s="1">
        <v>3769</v>
      </c>
      <c r="F30" s="33">
        <v>3096</v>
      </c>
      <c r="G30" s="34">
        <v>1.8214380472273812</v>
      </c>
    </row>
    <row r="31" spans="1:7">
      <c r="A31" s="36"/>
      <c r="B31" s="96" t="s">
        <v>25</v>
      </c>
      <c r="C31" s="98"/>
      <c r="D31" s="8">
        <v>11837</v>
      </c>
      <c r="E31" s="1">
        <v>4492</v>
      </c>
      <c r="F31" s="33">
        <v>7345</v>
      </c>
      <c r="G31" s="34">
        <v>2.6351291184327694</v>
      </c>
    </row>
    <row r="32" spans="1:7">
      <c r="A32" s="36"/>
      <c r="B32" s="37"/>
      <c r="C32" s="38"/>
      <c r="D32" s="8"/>
      <c r="E32" s="4"/>
      <c r="F32" s="33"/>
      <c r="G32" s="34"/>
    </row>
    <row r="33" spans="1:12" ht="13.5" customHeight="1">
      <c r="A33" s="97" t="s">
        <v>26</v>
      </c>
      <c r="B33" s="94"/>
      <c r="C33" s="95"/>
      <c r="D33" s="10">
        <v>12491</v>
      </c>
      <c r="E33" s="4">
        <v>4253</v>
      </c>
      <c r="F33" s="33">
        <v>8238</v>
      </c>
      <c r="G33" s="34">
        <v>2.9369856571831647</v>
      </c>
    </row>
    <row r="34" spans="1:12">
      <c r="A34" s="36"/>
      <c r="B34" s="96" t="s">
        <v>27</v>
      </c>
      <c r="C34" s="98"/>
      <c r="D34" s="8">
        <v>12491</v>
      </c>
      <c r="E34" s="1">
        <v>4253</v>
      </c>
      <c r="F34" s="33">
        <v>8238</v>
      </c>
      <c r="G34" s="34">
        <v>2.9369856571831647</v>
      </c>
    </row>
    <row r="35" spans="1:12">
      <c r="A35" s="36"/>
      <c r="B35" s="37"/>
      <c r="C35" s="38"/>
      <c r="D35" s="8"/>
      <c r="E35" s="4"/>
      <c r="F35" s="33"/>
      <c r="G35" s="34"/>
    </row>
    <row r="36" spans="1:12">
      <c r="A36" s="97" t="s">
        <v>28</v>
      </c>
      <c r="B36" s="94"/>
      <c r="C36" s="95"/>
      <c r="D36" s="10">
        <v>20300</v>
      </c>
      <c r="E36" s="4">
        <v>14489</v>
      </c>
      <c r="F36" s="33">
        <v>5811</v>
      </c>
      <c r="G36" s="34">
        <v>1.4010628752846987</v>
      </c>
    </row>
    <row r="37" spans="1:12">
      <c r="A37" s="36"/>
      <c r="B37" s="96" t="s">
        <v>29</v>
      </c>
      <c r="C37" s="98"/>
      <c r="D37" s="8">
        <v>8973</v>
      </c>
      <c r="E37" s="1">
        <v>3614</v>
      </c>
      <c r="F37" s="33">
        <v>5359</v>
      </c>
      <c r="G37" s="34">
        <v>2.4828444936358607</v>
      </c>
    </row>
    <row r="38" spans="1:12" ht="13.5" customHeight="1">
      <c r="A38" s="36"/>
      <c r="B38" s="96" t="s">
        <v>30</v>
      </c>
      <c r="C38" s="98"/>
      <c r="D38" s="8">
        <v>11327</v>
      </c>
      <c r="E38" s="1">
        <v>10875</v>
      </c>
      <c r="F38" s="33">
        <v>452</v>
      </c>
      <c r="G38" s="34">
        <v>1.0415632183908046</v>
      </c>
    </row>
    <row r="39" spans="1:12" ht="13.5" customHeight="1">
      <c r="A39" s="36"/>
      <c r="B39" s="37"/>
      <c r="C39" s="38"/>
      <c r="D39" s="9"/>
      <c r="E39" s="4"/>
      <c r="F39" s="33"/>
      <c r="G39" s="34"/>
    </row>
    <row r="40" spans="1:12" ht="13.5" customHeight="1">
      <c r="A40" s="97" t="s">
        <v>31</v>
      </c>
      <c r="B40" s="94"/>
      <c r="C40" s="95"/>
      <c r="D40" s="10">
        <v>10338</v>
      </c>
      <c r="E40" s="4">
        <v>14383</v>
      </c>
      <c r="F40" s="33">
        <v>-4045</v>
      </c>
      <c r="G40" s="34">
        <v>0.71876520892720575</v>
      </c>
    </row>
    <row r="41" spans="1:12" ht="13.5" customHeight="1">
      <c r="A41" s="36"/>
      <c r="B41" s="96" t="s">
        <v>32</v>
      </c>
      <c r="C41" s="98"/>
      <c r="D41" s="9">
        <v>5089</v>
      </c>
      <c r="E41" s="3">
        <v>8185</v>
      </c>
      <c r="F41" s="33">
        <v>-3096</v>
      </c>
      <c r="G41" s="34">
        <v>0.62174709835064146</v>
      </c>
    </row>
    <row r="42" spans="1:12" ht="13.5" customHeight="1">
      <c r="A42" s="36"/>
      <c r="B42" s="96" t="s">
        <v>33</v>
      </c>
      <c r="C42" s="98"/>
      <c r="D42" s="9">
        <v>5249</v>
      </c>
      <c r="E42" s="3">
        <v>6198</v>
      </c>
      <c r="F42" s="33">
        <v>-949</v>
      </c>
      <c r="G42" s="34">
        <v>0.84688609228783474</v>
      </c>
    </row>
    <row r="43" spans="1:12">
      <c r="A43" s="36"/>
      <c r="B43" s="37"/>
      <c r="C43" s="38"/>
      <c r="D43" s="9"/>
      <c r="E43" s="4"/>
      <c r="F43" s="33"/>
      <c r="G43" s="34"/>
    </row>
    <row r="44" spans="1:12">
      <c r="A44" s="97" t="s">
        <v>34</v>
      </c>
      <c r="B44" s="94"/>
      <c r="C44" s="95"/>
      <c r="D44" s="10">
        <v>7650</v>
      </c>
      <c r="E44" s="4">
        <v>10381</v>
      </c>
      <c r="F44" s="33">
        <v>-2731</v>
      </c>
      <c r="G44" s="34">
        <v>0.73692322512282049</v>
      </c>
    </row>
    <row r="45" spans="1:12">
      <c r="A45" s="36"/>
      <c r="B45" s="96" t="s">
        <v>35</v>
      </c>
      <c r="C45" s="98"/>
      <c r="D45" s="9">
        <v>4020</v>
      </c>
      <c r="E45" s="3">
        <v>5561</v>
      </c>
      <c r="F45" s="33">
        <v>-1541</v>
      </c>
      <c r="G45" s="34">
        <v>0.72289156626506024</v>
      </c>
    </row>
    <row r="46" spans="1:12">
      <c r="A46" s="36"/>
      <c r="B46" s="96" t="s">
        <v>36</v>
      </c>
      <c r="C46" s="98"/>
      <c r="D46" s="9">
        <v>3630</v>
      </c>
      <c r="E46" s="3">
        <v>4820</v>
      </c>
      <c r="F46" s="33">
        <v>-1190</v>
      </c>
      <c r="G46" s="34">
        <v>0.75311203319502074</v>
      </c>
    </row>
    <row r="47" spans="1:12" ht="13.5" customHeight="1">
      <c r="A47" s="36"/>
      <c r="B47" s="37"/>
      <c r="C47" s="38"/>
      <c r="D47" s="9"/>
      <c r="E47" s="4"/>
      <c r="F47" s="33"/>
      <c r="G47" s="34"/>
    </row>
    <row r="48" spans="1:12">
      <c r="A48" s="97" t="s">
        <v>37</v>
      </c>
      <c r="B48" s="94"/>
      <c r="C48" s="95"/>
      <c r="D48" s="10">
        <v>15076</v>
      </c>
      <c r="E48" s="4">
        <v>15537</v>
      </c>
      <c r="F48" s="33">
        <v>-461</v>
      </c>
      <c r="G48" s="34">
        <v>0.97032889232155495</v>
      </c>
      <c r="L48" s="20"/>
    </row>
    <row r="49" spans="1:7">
      <c r="A49" s="36"/>
      <c r="B49" s="94" t="s">
        <v>38</v>
      </c>
      <c r="C49" s="95"/>
      <c r="D49" s="9">
        <v>14659</v>
      </c>
      <c r="E49" s="3">
        <v>12850</v>
      </c>
      <c r="F49" s="33">
        <v>1809</v>
      </c>
      <c r="G49" s="34">
        <v>1.1407782101167314</v>
      </c>
    </row>
    <row r="50" spans="1:7" ht="13.5" customHeight="1">
      <c r="A50" s="36"/>
      <c r="B50" s="94" t="s">
        <v>39</v>
      </c>
      <c r="C50" s="95"/>
      <c r="D50" s="9">
        <v>417</v>
      </c>
      <c r="E50" s="3">
        <v>2687</v>
      </c>
      <c r="F50" s="33">
        <v>-2270</v>
      </c>
      <c r="G50" s="34">
        <v>0.15519166356531447</v>
      </c>
    </row>
    <row r="51" spans="1:7" ht="13.5" customHeight="1">
      <c r="A51" s="36"/>
      <c r="B51" s="43"/>
      <c r="C51" s="38"/>
      <c r="D51" s="9"/>
      <c r="E51" s="5"/>
      <c r="F51" s="33"/>
      <c r="G51" s="34"/>
    </row>
    <row r="52" spans="1:7">
      <c r="A52" s="97" t="s">
        <v>40</v>
      </c>
      <c r="B52" s="94"/>
      <c r="C52" s="95"/>
      <c r="D52" s="9">
        <v>6522</v>
      </c>
      <c r="E52" s="5">
        <v>17996</v>
      </c>
      <c r="F52" s="33">
        <v>-11474</v>
      </c>
      <c r="G52" s="34">
        <v>0.36241386974883305</v>
      </c>
    </row>
    <row r="53" spans="1:7">
      <c r="A53" s="36"/>
      <c r="B53" s="94" t="s">
        <v>41</v>
      </c>
      <c r="C53" s="95"/>
      <c r="D53" s="8">
        <v>4482</v>
      </c>
      <c r="E53" s="1">
        <v>16265</v>
      </c>
      <c r="F53" s="33">
        <v>-11783</v>
      </c>
      <c r="G53" s="34">
        <v>0.27556102059637255</v>
      </c>
    </row>
    <row r="54" spans="1:7" ht="14.25" customHeight="1">
      <c r="A54" s="36"/>
      <c r="B54" s="94" t="s">
        <v>42</v>
      </c>
      <c r="C54" s="95"/>
      <c r="D54" s="10">
        <v>2040</v>
      </c>
      <c r="E54" s="4">
        <v>1731</v>
      </c>
      <c r="F54" s="33">
        <v>309</v>
      </c>
      <c r="G54" s="34">
        <v>1.1785095320623917</v>
      </c>
    </row>
    <row r="55" spans="1:7" ht="15" thickBot="1">
      <c r="A55" s="44"/>
      <c r="B55" s="45"/>
      <c r="C55" s="46"/>
      <c r="D55" s="47"/>
      <c r="E55" s="48"/>
      <c r="F55" s="49"/>
      <c r="G55" s="50"/>
    </row>
    <row r="56" spans="1:7">
      <c r="A56" s="35"/>
      <c r="B56" s="51"/>
      <c r="C56" s="52"/>
      <c r="D56" s="9"/>
      <c r="E56" s="53"/>
      <c r="F56" s="54"/>
      <c r="G56" s="55"/>
    </row>
    <row r="57" spans="1:7">
      <c r="A57" s="97" t="s">
        <v>43</v>
      </c>
      <c r="B57" s="94"/>
      <c r="C57" s="95"/>
      <c r="D57" s="9">
        <v>11413</v>
      </c>
      <c r="E57" s="5">
        <v>8828</v>
      </c>
      <c r="F57" s="33">
        <v>2585</v>
      </c>
      <c r="G57" s="34">
        <v>1.2928183053919347</v>
      </c>
    </row>
    <row r="58" spans="1:7">
      <c r="A58" s="56"/>
      <c r="B58" s="94" t="s">
        <v>74</v>
      </c>
      <c r="C58" s="95"/>
      <c r="D58" s="9">
        <v>5484</v>
      </c>
      <c r="E58" s="3">
        <v>4316</v>
      </c>
      <c r="F58" s="33">
        <v>1168</v>
      </c>
      <c r="G58" s="34">
        <v>1.2706209453197406</v>
      </c>
    </row>
    <row r="59" spans="1:7">
      <c r="A59" s="36"/>
      <c r="B59" s="94" t="s">
        <v>44</v>
      </c>
      <c r="C59" s="95"/>
      <c r="D59" s="9">
        <v>4925</v>
      </c>
      <c r="E59" s="3">
        <v>2916</v>
      </c>
      <c r="F59" s="33">
        <v>2009</v>
      </c>
      <c r="G59" s="34">
        <v>1.688957475994513</v>
      </c>
    </row>
    <row r="60" spans="1:7">
      <c r="A60" s="36"/>
      <c r="B60" s="94" t="s">
        <v>45</v>
      </c>
      <c r="C60" s="95"/>
      <c r="D60" s="9">
        <v>1004</v>
      </c>
      <c r="E60" s="3">
        <v>1596</v>
      </c>
      <c r="F60" s="33">
        <v>-592</v>
      </c>
      <c r="G60" s="34">
        <v>0.62907268170426067</v>
      </c>
    </row>
    <row r="61" spans="1:7">
      <c r="A61" s="36"/>
      <c r="B61" s="37"/>
      <c r="C61" s="38"/>
      <c r="D61" s="10"/>
      <c r="E61" s="57"/>
      <c r="F61" s="33"/>
      <c r="G61" s="34"/>
    </row>
    <row r="62" spans="1:7">
      <c r="A62" s="97" t="s">
        <v>46</v>
      </c>
      <c r="B62" s="94"/>
      <c r="C62" s="95"/>
      <c r="D62" s="10">
        <v>8467</v>
      </c>
      <c r="E62" s="4">
        <v>14048</v>
      </c>
      <c r="F62" s="33">
        <v>-5581</v>
      </c>
      <c r="G62" s="34">
        <v>0.60271924829157175</v>
      </c>
    </row>
    <row r="63" spans="1:7">
      <c r="A63" s="36"/>
      <c r="B63" s="99" t="s">
        <v>75</v>
      </c>
      <c r="C63" s="100"/>
      <c r="D63" s="11">
        <v>2786</v>
      </c>
      <c r="E63" s="3">
        <v>5044</v>
      </c>
      <c r="F63" s="33">
        <v>-2258</v>
      </c>
      <c r="G63" s="34">
        <v>0.55233941316415547</v>
      </c>
    </row>
    <row r="64" spans="1:7">
      <c r="A64" s="56" t="s">
        <v>47</v>
      </c>
      <c r="B64" s="99" t="s">
        <v>48</v>
      </c>
      <c r="C64" s="101"/>
      <c r="D64" s="11">
        <v>4905</v>
      </c>
      <c r="E64" s="3">
        <v>8201</v>
      </c>
      <c r="F64" s="33">
        <v>-3296</v>
      </c>
      <c r="G64" s="34">
        <v>0.59809779295207899</v>
      </c>
    </row>
    <row r="65" spans="1:7">
      <c r="A65" s="36"/>
      <c r="B65" s="94" t="s">
        <v>78</v>
      </c>
      <c r="C65" s="95"/>
      <c r="D65" s="9">
        <v>776</v>
      </c>
      <c r="E65" s="5">
        <v>803</v>
      </c>
      <c r="F65" s="33">
        <v>-27</v>
      </c>
      <c r="G65" s="34">
        <v>0.96637608966376087</v>
      </c>
    </row>
    <row r="66" spans="1:7">
      <c r="A66" s="36"/>
      <c r="B66" s="58"/>
      <c r="C66" s="59" t="s">
        <v>76</v>
      </c>
      <c r="D66" s="11">
        <v>630</v>
      </c>
      <c r="E66" s="3">
        <v>649</v>
      </c>
      <c r="F66" s="33">
        <v>-19</v>
      </c>
      <c r="G66" s="34">
        <v>0.97072419106317409</v>
      </c>
    </row>
    <row r="67" spans="1:7">
      <c r="A67" s="36"/>
      <c r="B67" s="58"/>
      <c r="C67" s="59" t="s">
        <v>77</v>
      </c>
      <c r="D67" s="11">
        <v>146</v>
      </c>
      <c r="E67" s="3">
        <v>154</v>
      </c>
      <c r="F67" s="33">
        <v>-8</v>
      </c>
      <c r="G67" s="34">
        <v>0.94805194805194803</v>
      </c>
    </row>
    <row r="68" spans="1:7">
      <c r="A68" s="36"/>
      <c r="B68" s="37"/>
      <c r="C68" s="38"/>
      <c r="D68" s="60"/>
      <c r="E68" s="5"/>
      <c r="F68" s="33"/>
      <c r="G68" s="34"/>
    </row>
    <row r="69" spans="1:7">
      <c r="A69" s="97" t="s">
        <v>49</v>
      </c>
      <c r="B69" s="94"/>
      <c r="C69" s="95"/>
      <c r="D69" s="10">
        <v>12276</v>
      </c>
      <c r="E69" s="4">
        <v>15406</v>
      </c>
      <c r="F69" s="33">
        <v>-3130</v>
      </c>
      <c r="G69" s="34">
        <v>0.79683240295988578</v>
      </c>
    </row>
    <row r="70" spans="1:7">
      <c r="A70" s="36"/>
      <c r="B70" s="94" t="s">
        <v>50</v>
      </c>
      <c r="C70" s="95"/>
      <c r="D70" s="10">
        <v>7332</v>
      </c>
      <c r="E70" s="4">
        <v>7641</v>
      </c>
      <c r="F70" s="33">
        <v>-309</v>
      </c>
      <c r="G70" s="34">
        <v>0.95956026698076169</v>
      </c>
    </row>
    <row r="71" spans="1:7">
      <c r="A71" s="36"/>
      <c r="B71" s="94" t="s">
        <v>51</v>
      </c>
      <c r="C71" s="95"/>
      <c r="D71" s="10">
        <v>4389</v>
      </c>
      <c r="E71" s="4">
        <v>6815</v>
      </c>
      <c r="F71" s="33">
        <v>-2426</v>
      </c>
      <c r="G71" s="34">
        <v>0.6440205429200293</v>
      </c>
    </row>
    <row r="72" spans="1:7">
      <c r="A72" s="36"/>
      <c r="B72" s="94" t="s">
        <v>79</v>
      </c>
      <c r="C72" s="95"/>
      <c r="D72" s="9">
        <v>555</v>
      </c>
      <c r="E72" s="3">
        <v>950</v>
      </c>
      <c r="F72" s="33">
        <v>-395</v>
      </c>
      <c r="G72" s="34">
        <v>0.58421052631578951</v>
      </c>
    </row>
    <row r="73" spans="1:7">
      <c r="A73" s="36"/>
      <c r="B73" s="37"/>
      <c r="C73" s="38"/>
      <c r="D73" s="10"/>
      <c r="E73" s="5"/>
      <c r="F73" s="33"/>
      <c r="G73" s="34"/>
    </row>
    <row r="74" spans="1:7">
      <c r="A74" s="97" t="s">
        <v>52</v>
      </c>
      <c r="B74" s="94"/>
      <c r="C74" s="95"/>
      <c r="D74" s="9">
        <v>10320</v>
      </c>
      <c r="E74" s="5">
        <v>12403</v>
      </c>
      <c r="F74" s="33">
        <v>-2083</v>
      </c>
      <c r="G74" s="34">
        <v>0.83205676046117871</v>
      </c>
    </row>
    <row r="75" spans="1:7">
      <c r="A75" s="36"/>
      <c r="B75" s="94" t="s">
        <v>53</v>
      </c>
      <c r="C75" s="95"/>
      <c r="D75" s="9">
        <v>2348</v>
      </c>
      <c r="E75" s="3">
        <v>4013</v>
      </c>
      <c r="F75" s="33">
        <v>-1665</v>
      </c>
      <c r="G75" s="34">
        <v>0.585098430102168</v>
      </c>
    </row>
    <row r="76" spans="1:7">
      <c r="A76" s="36"/>
      <c r="B76" s="94" t="s">
        <v>54</v>
      </c>
      <c r="C76" s="95"/>
      <c r="D76" s="9">
        <v>5119</v>
      </c>
      <c r="E76" s="3">
        <v>3889</v>
      </c>
      <c r="F76" s="33">
        <v>1230</v>
      </c>
      <c r="G76" s="34">
        <v>1.3162766778092054</v>
      </c>
    </row>
    <row r="77" spans="1:7">
      <c r="A77" s="36"/>
      <c r="B77" s="96" t="s">
        <v>80</v>
      </c>
      <c r="C77" s="95"/>
      <c r="D77" s="9">
        <v>2853</v>
      </c>
      <c r="E77" s="6">
        <v>4501</v>
      </c>
      <c r="F77" s="33">
        <v>-1648</v>
      </c>
      <c r="G77" s="34">
        <v>0.63385914241279717</v>
      </c>
    </row>
    <row r="78" spans="1:7">
      <c r="A78" s="36"/>
      <c r="B78" s="37"/>
      <c r="C78" s="38"/>
      <c r="D78" s="10"/>
      <c r="E78" s="5"/>
      <c r="F78" s="33"/>
      <c r="G78" s="34"/>
    </row>
    <row r="79" spans="1:7">
      <c r="A79" s="97" t="s">
        <v>55</v>
      </c>
      <c r="B79" s="94"/>
      <c r="C79" s="95"/>
      <c r="D79" s="9">
        <v>16859</v>
      </c>
      <c r="E79" s="5">
        <v>18427</v>
      </c>
      <c r="F79" s="33">
        <v>-1568</v>
      </c>
      <c r="G79" s="34">
        <v>0.91490747273023276</v>
      </c>
    </row>
    <row r="80" spans="1:7">
      <c r="A80" s="36"/>
      <c r="B80" s="94" t="s">
        <v>56</v>
      </c>
      <c r="C80" s="95"/>
      <c r="D80" s="12">
        <v>9863</v>
      </c>
      <c r="E80" s="3">
        <v>7986</v>
      </c>
      <c r="F80" s="33">
        <v>1877</v>
      </c>
      <c r="G80" s="34">
        <v>1.2350363135487104</v>
      </c>
    </row>
    <row r="81" spans="1:7">
      <c r="A81" s="36"/>
      <c r="B81" s="94" t="s">
        <v>57</v>
      </c>
      <c r="C81" s="95"/>
      <c r="D81" s="12">
        <v>2172</v>
      </c>
      <c r="E81" s="3">
        <v>3717</v>
      </c>
      <c r="F81" s="33">
        <v>-1545</v>
      </c>
      <c r="G81" s="34">
        <v>0.58434221146085552</v>
      </c>
    </row>
    <row r="82" spans="1:7">
      <c r="A82" s="36"/>
      <c r="B82" s="94" t="s">
        <v>58</v>
      </c>
      <c r="C82" s="95"/>
      <c r="D82" s="9">
        <v>984</v>
      </c>
      <c r="E82" s="3">
        <v>1374</v>
      </c>
      <c r="F82" s="33">
        <v>-390</v>
      </c>
      <c r="G82" s="34">
        <v>0.71615720524017468</v>
      </c>
    </row>
    <row r="83" spans="1:7">
      <c r="A83" s="36"/>
      <c r="B83" s="94" t="s">
        <v>81</v>
      </c>
      <c r="C83" s="95"/>
      <c r="D83" s="9">
        <v>657</v>
      </c>
      <c r="E83" s="3">
        <v>1232</v>
      </c>
      <c r="F83" s="33">
        <v>-575</v>
      </c>
      <c r="G83" s="34">
        <v>0.53327922077922074</v>
      </c>
    </row>
    <row r="84" spans="1:7">
      <c r="A84" s="36"/>
      <c r="B84" s="94" t="s">
        <v>59</v>
      </c>
      <c r="C84" s="95"/>
      <c r="D84" s="10">
        <v>1767</v>
      </c>
      <c r="E84" s="4">
        <v>2604</v>
      </c>
      <c r="F84" s="33">
        <v>-837</v>
      </c>
      <c r="G84" s="34">
        <v>0.6785714285714286</v>
      </c>
    </row>
    <row r="85" spans="1:7">
      <c r="A85" s="36"/>
      <c r="B85" s="37"/>
      <c r="C85" s="38" t="s">
        <v>60</v>
      </c>
      <c r="D85" s="9">
        <v>267</v>
      </c>
      <c r="E85" s="3">
        <v>342</v>
      </c>
      <c r="F85" s="33">
        <v>-75</v>
      </c>
      <c r="G85" s="34">
        <v>0.7807017543859649</v>
      </c>
    </row>
    <row r="86" spans="1:7">
      <c r="A86" s="36"/>
      <c r="B86" s="37"/>
      <c r="C86" s="38" t="s">
        <v>61</v>
      </c>
      <c r="D86" s="8">
        <v>338</v>
      </c>
      <c r="E86" s="1">
        <v>584</v>
      </c>
      <c r="F86" s="33">
        <v>-246</v>
      </c>
      <c r="G86" s="34">
        <v>0.57876712328767121</v>
      </c>
    </row>
    <row r="87" spans="1:7">
      <c r="A87" s="36"/>
      <c r="B87" s="37"/>
      <c r="C87" s="38" t="s">
        <v>62</v>
      </c>
      <c r="D87" s="9">
        <v>286</v>
      </c>
      <c r="E87" s="3">
        <v>398</v>
      </c>
      <c r="F87" s="33">
        <v>-112</v>
      </c>
      <c r="G87" s="34">
        <v>0.71859296482412061</v>
      </c>
    </row>
    <row r="88" spans="1:7">
      <c r="A88" s="36"/>
      <c r="B88" s="37"/>
      <c r="C88" s="38" t="s">
        <v>63</v>
      </c>
      <c r="D88" s="9">
        <v>305</v>
      </c>
      <c r="E88" s="3">
        <v>480</v>
      </c>
      <c r="F88" s="33">
        <v>-175</v>
      </c>
      <c r="G88" s="34">
        <v>0.63541666666666663</v>
      </c>
    </row>
    <row r="89" spans="1:7">
      <c r="A89" s="36"/>
      <c r="B89" s="37"/>
      <c r="C89" s="38" t="s">
        <v>64</v>
      </c>
      <c r="D89" s="8">
        <v>571</v>
      </c>
      <c r="E89" s="1">
        <v>800</v>
      </c>
      <c r="F89" s="33">
        <v>-229</v>
      </c>
      <c r="G89" s="34">
        <v>0.71375</v>
      </c>
    </row>
    <row r="90" spans="1:7">
      <c r="A90" s="36"/>
      <c r="B90" s="94" t="s">
        <v>65</v>
      </c>
      <c r="C90" s="95"/>
      <c r="D90" s="10">
        <v>1416</v>
      </c>
      <c r="E90" s="4">
        <v>1514</v>
      </c>
      <c r="F90" s="33">
        <v>-98</v>
      </c>
      <c r="G90" s="34">
        <v>0.93527080581241739</v>
      </c>
    </row>
    <row r="91" spans="1:7">
      <c r="A91" s="36"/>
      <c r="B91" s="37"/>
      <c r="C91" s="38" t="s">
        <v>66</v>
      </c>
      <c r="D91" s="9">
        <v>217</v>
      </c>
      <c r="E91" s="3">
        <v>68</v>
      </c>
      <c r="F91" s="33">
        <v>149</v>
      </c>
      <c r="G91" s="34">
        <v>3.1911764705882355</v>
      </c>
    </row>
    <row r="92" spans="1:7">
      <c r="A92" s="36"/>
      <c r="B92" s="37"/>
      <c r="C92" s="38" t="s">
        <v>67</v>
      </c>
      <c r="D92" s="9">
        <v>180</v>
      </c>
      <c r="E92" s="3">
        <v>350</v>
      </c>
      <c r="F92" s="33">
        <v>-170</v>
      </c>
      <c r="G92" s="34">
        <v>0.51428571428571423</v>
      </c>
    </row>
    <row r="93" spans="1:7">
      <c r="A93" s="36"/>
      <c r="B93" s="37"/>
      <c r="C93" s="38" t="s">
        <v>68</v>
      </c>
      <c r="D93" s="9">
        <v>1019</v>
      </c>
      <c r="E93" s="3">
        <v>1096</v>
      </c>
      <c r="F93" s="33">
        <v>-77</v>
      </c>
      <c r="G93" s="34">
        <v>0.92974452554744524</v>
      </c>
    </row>
    <row r="94" spans="1:7">
      <c r="A94" s="36"/>
      <c r="B94" s="37"/>
      <c r="C94" s="38"/>
      <c r="D94" s="10"/>
      <c r="E94" s="4"/>
      <c r="F94" s="33"/>
      <c r="G94" s="34"/>
    </row>
    <row r="95" spans="1:7">
      <c r="A95" s="97" t="s">
        <v>69</v>
      </c>
      <c r="B95" s="94"/>
      <c r="C95" s="95"/>
      <c r="D95" s="9">
        <v>10380</v>
      </c>
      <c r="E95" s="5">
        <v>14302</v>
      </c>
      <c r="F95" s="33">
        <v>-3922</v>
      </c>
      <c r="G95" s="34">
        <v>0.72577261921409597</v>
      </c>
    </row>
    <row r="96" spans="1:7">
      <c r="A96" s="56"/>
      <c r="B96" s="96" t="s">
        <v>82</v>
      </c>
      <c r="C96" s="98"/>
      <c r="D96" s="10">
        <v>5468</v>
      </c>
      <c r="E96" s="7">
        <v>6974</v>
      </c>
      <c r="F96" s="33">
        <v>-1506</v>
      </c>
      <c r="G96" s="34">
        <v>0.78405506165758532</v>
      </c>
    </row>
    <row r="97" spans="1:7">
      <c r="A97" s="36"/>
      <c r="B97" s="96" t="s">
        <v>70</v>
      </c>
      <c r="C97" s="98"/>
      <c r="D97" s="10">
        <v>4912</v>
      </c>
      <c r="E97" s="2">
        <v>7328</v>
      </c>
      <c r="F97" s="33">
        <v>-2416</v>
      </c>
      <c r="G97" s="34">
        <v>0.67030567685589515</v>
      </c>
    </row>
    <row r="98" spans="1:7">
      <c r="A98" s="36"/>
      <c r="B98" s="61"/>
      <c r="C98" s="62"/>
      <c r="D98" s="9"/>
      <c r="E98" s="5"/>
      <c r="F98" s="33"/>
      <c r="G98" s="34"/>
    </row>
    <row r="99" spans="1:7">
      <c r="A99" s="97" t="s">
        <v>83</v>
      </c>
      <c r="B99" s="94"/>
      <c r="C99" s="95"/>
      <c r="D99" s="9">
        <v>12485</v>
      </c>
      <c r="E99" s="5">
        <v>15884</v>
      </c>
      <c r="F99" s="33">
        <v>-3399</v>
      </c>
      <c r="G99" s="34">
        <v>0.78601108033240996</v>
      </c>
    </row>
    <row r="100" spans="1:7">
      <c r="A100" s="56"/>
      <c r="B100" s="96" t="s">
        <v>84</v>
      </c>
      <c r="C100" s="98"/>
      <c r="D100" s="10">
        <v>6507</v>
      </c>
      <c r="E100" s="7">
        <v>8120</v>
      </c>
      <c r="F100" s="33">
        <v>-1613</v>
      </c>
      <c r="G100" s="34">
        <v>0.80135467980295572</v>
      </c>
    </row>
    <row r="101" spans="1:7">
      <c r="A101" s="36"/>
      <c r="B101" s="96" t="s">
        <v>85</v>
      </c>
      <c r="C101" s="98"/>
      <c r="D101" s="10">
        <v>5978</v>
      </c>
      <c r="E101" s="2">
        <v>7764</v>
      </c>
      <c r="F101" s="33">
        <v>-1786</v>
      </c>
      <c r="G101" s="34">
        <v>0.76996393611540448</v>
      </c>
    </row>
    <row r="102" spans="1:7">
      <c r="A102" s="36"/>
      <c r="B102" s="61"/>
      <c r="C102" s="62"/>
      <c r="D102" s="9"/>
      <c r="E102" s="5"/>
      <c r="F102" s="33"/>
      <c r="G102" s="34"/>
    </row>
    <row r="103" spans="1:7">
      <c r="A103" s="97" t="s">
        <v>86</v>
      </c>
      <c r="B103" s="94"/>
      <c r="C103" s="95"/>
      <c r="D103" s="9">
        <v>7619</v>
      </c>
      <c r="E103" s="5">
        <v>10130</v>
      </c>
      <c r="F103" s="33">
        <v>-2511</v>
      </c>
      <c r="G103" s="34">
        <v>0.75212240868706814</v>
      </c>
    </row>
    <row r="104" spans="1:7">
      <c r="A104" s="56"/>
      <c r="B104" s="96" t="s">
        <v>87</v>
      </c>
      <c r="C104" s="98"/>
      <c r="D104" s="10">
        <v>4831</v>
      </c>
      <c r="E104" s="7">
        <v>8557</v>
      </c>
      <c r="F104" s="33">
        <v>-3726</v>
      </c>
      <c r="G104" s="34">
        <v>0.56456702115227297</v>
      </c>
    </row>
    <row r="105" spans="1:7">
      <c r="A105" s="36"/>
      <c r="B105" s="96" t="s">
        <v>88</v>
      </c>
      <c r="C105" s="98"/>
      <c r="D105" s="10">
        <v>2788</v>
      </c>
      <c r="E105" s="2">
        <v>1573</v>
      </c>
      <c r="F105" s="33">
        <v>1215</v>
      </c>
      <c r="G105" s="34">
        <v>1.7724094087730451</v>
      </c>
    </row>
    <row r="106" spans="1:7" ht="15" thickBot="1">
      <c r="A106" s="63"/>
      <c r="B106" s="64"/>
      <c r="C106" s="65"/>
      <c r="D106" s="66"/>
      <c r="E106" s="67"/>
      <c r="F106" s="68"/>
      <c r="G106" s="69"/>
    </row>
    <row r="107" spans="1:7" ht="15" thickBot="1">
      <c r="A107" s="105" t="s">
        <v>71</v>
      </c>
      <c r="B107" s="106"/>
      <c r="C107" s="107"/>
      <c r="D107" s="70">
        <v>262641</v>
      </c>
      <c r="E107" s="70">
        <v>254374</v>
      </c>
      <c r="F107" s="71">
        <v>8267</v>
      </c>
      <c r="G107" s="72">
        <v>1.0324993906609952</v>
      </c>
    </row>
    <row r="108" spans="1:7" s="76" customFormat="1" ht="14.25" customHeight="1">
      <c r="A108" s="73" t="s">
        <v>72</v>
      </c>
      <c r="B108" s="73"/>
      <c r="C108" s="74" t="s">
        <v>73</v>
      </c>
      <c r="D108" s="75"/>
      <c r="E108" s="75"/>
      <c r="F108" s="75"/>
      <c r="G108" s="75"/>
    </row>
    <row r="109" spans="1:7" s="76" customFormat="1" ht="14.25" customHeight="1">
      <c r="A109" s="108"/>
      <c r="B109" s="108"/>
      <c r="C109" s="74" t="s">
        <v>91</v>
      </c>
      <c r="D109" s="77"/>
      <c r="E109" s="77"/>
      <c r="F109" s="78"/>
      <c r="G109" s="79"/>
    </row>
    <row r="110" spans="1:7">
      <c r="C110" s="102" t="s">
        <v>92</v>
      </c>
      <c r="D110" s="102"/>
      <c r="E110" s="102"/>
      <c r="F110" s="102"/>
      <c r="G110" s="102"/>
    </row>
    <row r="111" spans="1:7">
      <c r="C111" s="80"/>
      <c r="D111" s="80"/>
      <c r="E111" s="80"/>
      <c r="F111" s="80"/>
      <c r="G111" s="80"/>
    </row>
    <row r="112" spans="1:7">
      <c r="C112" s="102"/>
      <c r="D112" s="102"/>
      <c r="E112" s="102"/>
      <c r="F112" s="102"/>
      <c r="G112" s="102"/>
    </row>
    <row r="113" spans="3:7">
      <c r="C113" s="81"/>
      <c r="D113" s="81"/>
      <c r="E113" s="81"/>
      <c r="F113" s="81"/>
      <c r="G113" s="81"/>
    </row>
    <row r="114" spans="3:7">
      <c r="C114" s="102"/>
      <c r="D114" s="102"/>
      <c r="E114" s="102"/>
      <c r="F114" s="102"/>
      <c r="G114" s="102"/>
    </row>
    <row r="115" spans="3:7" ht="13.5" customHeight="1">
      <c r="C115" s="103"/>
      <c r="D115" s="103"/>
      <c r="E115" s="103"/>
      <c r="F115" s="103"/>
      <c r="G115" s="103"/>
    </row>
    <row r="116" spans="3:7">
      <c r="C116" s="103"/>
      <c r="D116" s="103"/>
      <c r="E116" s="103"/>
      <c r="F116" s="103"/>
      <c r="G116" s="103"/>
    </row>
    <row r="117" spans="3:7">
      <c r="C117" s="104"/>
      <c r="D117" s="104"/>
      <c r="E117" s="104"/>
      <c r="F117" s="104"/>
      <c r="G117" s="104"/>
    </row>
  </sheetData>
  <mergeCells count="82">
    <mergeCell ref="B101:C101"/>
    <mergeCell ref="A103:C103"/>
    <mergeCell ref="C114:G114"/>
    <mergeCell ref="C115:G116"/>
    <mergeCell ref="C117:G117"/>
    <mergeCell ref="A107:C107"/>
    <mergeCell ref="A109:B109"/>
    <mergeCell ref="C110:G110"/>
    <mergeCell ref="B104:C104"/>
    <mergeCell ref="B105:C105"/>
    <mergeCell ref="C112:G112"/>
    <mergeCell ref="B77:C77"/>
    <mergeCell ref="A79:C79"/>
    <mergeCell ref="B80:C80"/>
    <mergeCell ref="B81:C81"/>
    <mergeCell ref="B82:C82"/>
    <mergeCell ref="B83:C83"/>
    <mergeCell ref="A99:C99"/>
    <mergeCell ref="B84:C84"/>
    <mergeCell ref="B90:C90"/>
    <mergeCell ref="A95:C95"/>
    <mergeCell ref="B96:C96"/>
    <mergeCell ref="B97:C97"/>
    <mergeCell ref="B100:C100"/>
    <mergeCell ref="B76:C76"/>
    <mergeCell ref="B63:C63"/>
    <mergeCell ref="B64:C64"/>
    <mergeCell ref="B65:C65"/>
    <mergeCell ref="A69:C69"/>
    <mergeCell ref="B70:C70"/>
    <mergeCell ref="B71:C71"/>
    <mergeCell ref="A74:C74"/>
    <mergeCell ref="B75:C75"/>
    <mergeCell ref="B72:C72"/>
    <mergeCell ref="B42:C42"/>
    <mergeCell ref="A44:C44"/>
    <mergeCell ref="B45:C45"/>
    <mergeCell ref="B46:C46"/>
    <mergeCell ref="A62:C62"/>
    <mergeCell ref="A48:C48"/>
    <mergeCell ref="B49:C49"/>
    <mergeCell ref="B50:C50"/>
    <mergeCell ref="A52:C52"/>
    <mergeCell ref="B53:C53"/>
    <mergeCell ref="B54:C54"/>
    <mergeCell ref="A57:C57"/>
    <mergeCell ref="B59:C59"/>
    <mergeCell ref="B60:C60"/>
    <mergeCell ref="B58:C58"/>
    <mergeCell ref="A36:C36"/>
    <mergeCell ref="B37:C37"/>
    <mergeCell ref="B38:C38"/>
    <mergeCell ref="A40:C40"/>
    <mergeCell ref="B41:C41"/>
    <mergeCell ref="A29:C29"/>
    <mergeCell ref="B30:C30"/>
    <mergeCell ref="B31:C31"/>
    <mergeCell ref="A33:C33"/>
    <mergeCell ref="B34:C34"/>
    <mergeCell ref="B22:C22"/>
    <mergeCell ref="B23:C23"/>
    <mergeCell ref="A25:C25"/>
    <mergeCell ref="B26:C26"/>
    <mergeCell ref="B27:C27"/>
    <mergeCell ref="B21:C21"/>
    <mergeCell ref="B7:C7"/>
    <mergeCell ref="B8:C8"/>
    <mergeCell ref="A10:C10"/>
    <mergeCell ref="B11:C11"/>
    <mergeCell ref="B12:C12"/>
    <mergeCell ref="B13:C13"/>
    <mergeCell ref="A15:C15"/>
    <mergeCell ref="B16:C16"/>
    <mergeCell ref="B17:C17"/>
    <mergeCell ref="A19:C19"/>
    <mergeCell ref="B20:C20"/>
    <mergeCell ref="B6:C6"/>
    <mergeCell ref="A1:G1"/>
    <mergeCell ref="A3:C3"/>
    <mergeCell ref="J3:M3"/>
    <mergeCell ref="J4:M4"/>
    <mergeCell ref="A5:C5"/>
  </mergeCells>
  <phoneticPr fontId="2"/>
  <pageMargins left="0.70866141732283472" right="0.70866141732283472" top="0.74803149606299213" bottom="0.74803149606299213" header="0.31496062992125984" footer="0.31496062992125984"/>
  <pageSetup paperSize="9" scale="86" fitToWidth="2" fitToHeight="2" orientation="portrait" r:id="rId1"/>
  <rowBreaks count="1" manualBreakCount="1">
    <brk id="55" max="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Sheet1</vt:lpstr>
      <vt:lpstr>Sheet1!Print_Area</vt:lpstr>
      <vt:lpstr>Sheet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鎌田</cp:lastModifiedBy>
  <cp:lastPrinted>2026-02-02T05:10:05Z</cp:lastPrinted>
  <dcterms:created xsi:type="dcterms:W3CDTF">2018-04-20T01:03:34Z</dcterms:created>
  <dcterms:modified xsi:type="dcterms:W3CDTF">2026-02-02T05:14:59Z</dcterms:modified>
</cp:coreProperties>
</file>